
<file path=[Content_Types].xml><?xml version="1.0" encoding="utf-8"?>
<Types xmlns="http://schemas.openxmlformats.org/package/2006/content-types"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tags/tag9.xml" ContentType="application/vnd.openxmlformats-officedocument.presentationml.tags+xml"/>
  <Override PartName="/ppt/notesSlides/notesSlide3.xml" ContentType="application/vnd.openxmlformats-officedocument.presentationml.notesSlide+xml"/>
  <Override PartName="/ppt/tags/tag10.xml" ContentType="application/vnd.openxmlformats-officedocument.presentationml.tags+xml"/>
  <Override PartName="/ppt/notesSlides/notesSlide4.xml" ContentType="application/vnd.openxmlformats-officedocument.presentationml.notesSlide+xml"/>
  <Override PartName="/ppt/tags/tag11.xml" ContentType="application/vnd.openxmlformats-officedocument.presentationml.tags+xml"/>
  <Override PartName="/ppt/notesSlides/notesSlide5.xml" ContentType="application/vnd.openxmlformats-officedocument.presentationml.notesSlide+xml"/>
  <Override PartName="/ppt/tags/tag12.xml" ContentType="application/vnd.openxmlformats-officedocument.presentationml.tags+xml"/>
  <Override PartName="/ppt/notesSlides/notesSlide6.xml" ContentType="application/vnd.openxmlformats-officedocument.presentationml.notesSlid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7.xml" ContentType="application/vnd.openxmlformats-officedocument.presentationml.notesSlide+xml"/>
  <Override PartName="/ppt/tags/tag21.xml" ContentType="application/vnd.openxmlformats-officedocument.presentationml.tags+xml"/>
  <Override PartName="/ppt/notesSlides/notesSlide8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67" r:id="rId4"/>
  </p:sldMasterIdLst>
  <p:notesMasterIdLst>
    <p:notesMasterId r:id="rId18"/>
  </p:notesMasterIdLst>
  <p:sldIdLst>
    <p:sldId id="263" r:id="rId5"/>
    <p:sldId id="274" r:id="rId6"/>
    <p:sldId id="258" r:id="rId7"/>
    <p:sldId id="454" r:id="rId8"/>
    <p:sldId id="455" r:id="rId9"/>
    <p:sldId id="456" r:id="rId10"/>
    <p:sldId id="457" r:id="rId11"/>
    <p:sldId id="458" r:id="rId12"/>
    <p:sldId id="459" r:id="rId13"/>
    <p:sldId id="453" r:id="rId14"/>
    <p:sldId id="273" r:id="rId15"/>
    <p:sldId id="347" r:id="rId16"/>
    <p:sldId id="443" r:id="rId17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Steven Simon" initials="SS" lastIdx="1" clrIdx="0">
    <p:extLst>
      <p:ext uri="{19B8F6BF-5375-455C-9EA6-DF929625EA0E}">
        <p15:presenceInfo xmlns:p15="http://schemas.microsoft.com/office/powerpoint/2012/main" userId="S-1-5-21-782847515-1698830803-1843927889-34542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8B"/>
    <a:srgbClr val="CC0000"/>
    <a:srgbClr val="FF5050"/>
    <a:srgbClr val="CC2625"/>
    <a:srgbClr val="9966FF"/>
    <a:srgbClr val="F5ABA9"/>
    <a:srgbClr val="2E75B6"/>
    <a:srgbClr val="EF7C79"/>
    <a:srgbClr val="FFE37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3188" autoAdjust="0"/>
    <p:restoredTop sz="95164" autoAdjust="0"/>
  </p:normalViewPr>
  <p:slideViewPr>
    <p:cSldViewPr snapToGrid="0" snapToObjects="1">
      <p:cViewPr varScale="1">
        <p:scale>
          <a:sx n="168" d="100"/>
          <a:sy n="168" d="100"/>
        </p:scale>
        <p:origin x="120" y="12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-1650"/>
    </p:cViewPr>
  </p:sorterViewPr>
  <p:notesViewPr>
    <p:cSldViewPr snapToGrid="0" snapToObjects="1">
      <p:cViewPr varScale="1">
        <p:scale>
          <a:sx n="56" d="100"/>
          <a:sy n="56" d="100"/>
        </p:scale>
        <p:origin x="1824" y="84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notesMaster" Target="notesMasters/notesMaster1.xml"/><Relationship Id="rId3" Type="http://schemas.openxmlformats.org/officeDocument/2006/relationships/customXml" Target="../customXml/item3.xml"/><Relationship Id="rId21" Type="http://schemas.openxmlformats.org/officeDocument/2006/relationships/viewProps" Target="viewProp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microsoft.com/office/2016/11/relationships/changesInfo" Target="changesInfos/changesInfo1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tableStyles" Target="tableStyles.xml"/><Relationship Id="rId10" Type="http://schemas.openxmlformats.org/officeDocument/2006/relationships/slide" Target="slides/slide6.xml"/><Relationship Id="rId19" Type="http://schemas.openxmlformats.org/officeDocument/2006/relationships/commentAuthors" Target="commentAuthor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theme" Target="theme/theme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JoAnna Hudgins" userId="77c9692d-40d1-4989-8b2e-f7c17af55deb" providerId="ADAL" clId="{035CA6F5-0D2C-4E71-8A85-520E490832E6}"/>
    <pc:docChg chg="custSel modSld">
      <pc:chgData name="JoAnna Hudgins" userId="77c9692d-40d1-4989-8b2e-f7c17af55deb" providerId="ADAL" clId="{035CA6F5-0D2C-4E71-8A85-520E490832E6}" dt="2021-10-29T12:58:52.923" v="68" actId="20577"/>
      <pc:docMkLst>
        <pc:docMk/>
      </pc:docMkLst>
      <pc:sldChg chg="modSp mod">
        <pc:chgData name="JoAnna Hudgins" userId="77c9692d-40d1-4989-8b2e-f7c17af55deb" providerId="ADAL" clId="{035CA6F5-0D2C-4E71-8A85-520E490832E6}" dt="2021-10-29T12:55:22.348" v="5" actId="20577"/>
        <pc:sldMkLst>
          <pc:docMk/>
          <pc:sldMk cId="3227450966" sldId="263"/>
        </pc:sldMkLst>
        <pc:spChg chg="mod">
          <ac:chgData name="JoAnna Hudgins" userId="77c9692d-40d1-4989-8b2e-f7c17af55deb" providerId="ADAL" clId="{035CA6F5-0D2C-4E71-8A85-520E490832E6}" dt="2021-10-29T12:55:22.348" v="5" actId="20577"/>
          <ac:spMkLst>
            <pc:docMk/>
            <pc:sldMk cId="3227450966" sldId="263"/>
            <ac:spMk id="6" creationId="{00000000-0000-0000-0000-000000000000}"/>
          </ac:spMkLst>
        </pc:spChg>
      </pc:sldChg>
      <pc:sldChg chg="modSp mod">
        <pc:chgData name="JoAnna Hudgins" userId="77c9692d-40d1-4989-8b2e-f7c17af55deb" providerId="ADAL" clId="{035CA6F5-0D2C-4E71-8A85-520E490832E6}" dt="2021-10-29T12:58:52.923" v="68" actId="20577"/>
        <pc:sldMkLst>
          <pc:docMk/>
          <pc:sldMk cId="2770587386" sldId="273"/>
        </pc:sldMkLst>
        <pc:spChg chg="mod">
          <ac:chgData name="JoAnna Hudgins" userId="77c9692d-40d1-4989-8b2e-f7c17af55deb" providerId="ADAL" clId="{035CA6F5-0D2C-4E71-8A85-520E490832E6}" dt="2021-10-29T12:58:52.923" v="68" actId="20577"/>
          <ac:spMkLst>
            <pc:docMk/>
            <pc:sldMk cId="2770587386" sldId="273"/>
            <ac:spMk id="7" creationId="{00000000-0000-0000-0000-000000000000}"/>
          </ac:spMkLst>
        </pc:spChg>
      </pc:sldChg>
      <pc:sldChg chg="modSp mod">
        <pc:chgData name="JoAnna Hudgins" userId="77c9692d-40d1-4989-8b2e-f7c17af55deb" providerId="ADAL" clId="{035CA6F5-0D2C-4E71-8A85-520E490832E6}" dt="2021-10-29T12:55:42.042" v="13" actId="6549"/>
        <pc:sldMkLst>
          <pc:docMk/>
          <pc:sldMk cId="2008881213" sldId="274"/>
        </pc:sldMkLst>
        <pc:spChg chg="mod">
          <ac:chgData name="JoAnna Hudgins" userId="77c9692d-40d1-4989-8b2e-f7c17af55deb" providerId="ADAL" clId="{035CA6F5-0D2C-4E71-8A85-520E490832E6}" dt="2021-10-29T12:55:42.042" v="13" actId="6549"/>
          <ac:spMkLst>
            <pc:docMk/>
            <pc:sldMk cId="2008881213" sldId="274"/>
            <ac:spMk id="11" creationId="{00000000-0000-0000-0000-000000000000}"/>
          </ac:spMkLst>
        </pc:spChg>
      </pc:sldChg>
      <pc:sldChg chg="modSp mod">
        <pc:chgData name="JoAnna Hudgins" userId="77c9692d-40d1-4989-8b2e-f7c17af55deb" providerId="ADAL" clId="{035CA6F5-0D2C-4E71-8A85-520E490832E6}" dt="2021-10-29T12:56:16.707" v="16" actId="20577"/>
        <pc:sldMkLst>
          <pc:docMk/>
          <pc:sldMk cId="2877276326" sldId="455"/>
        </pc:sldMkLst>
        <pc:spChg chg="mod">
          <ac:chgData name="JoAnna Hudgins" userId="77c9692d-40d1-4989-8b2e-f7c17af55deb" providerId="ADAL" clId="{035CA6F5-0D2C-4E71-8A85-520E490832E6}" dt="2021-10-29T12:56:16.707" v="16" actId="20577"/>
          <ac:spMkLst>
            <pc:docMk/>
            <pc:sldMk cId="2877276326" sldId="455"/>
            <ac:spMk id="14" creationId="{00000000-0000-0000-0000-000000000000}"/>
          </ac:spMkLst>
        </pc:spChg>
      </pc:sldChg>
      <pc:sldChg chg="modSp mod">
        <pc:chgData name="JoAnna Hudgins" userId="77c9692d-40d1-4989-8b2e-f7c17af55deb" providerId="ADAL" clId="{035CA6F5-0D2C-4E71-8A85-520E490832E6}" dt="2021-10-29T12:56:41.244" v="22" actId="20577"/>
        <pc:sldMkLst>
          <pc:docMk/>
          <pc:sldMk cId="340236943" sldId="456"/>
        </pc:sldMkLst>
        <pc:spChg chg="mod">
          <ac:chgData name="JoAnna Hudgins" userId="77c9692d-40d1-4989-8b2e-f7c17af55deb" providerId="ADAL" clId="{035CA6F5-0D2C-4E71-8A85-520E490832E6}" dt="2021-10-29T12:56:41.244" v="22" actId="20577"/>
          <ac:spMkLst>
            <pc:docMk/>
            <pc:sldMk cId="340236943" sldId="456"/>
            <ac:spMk id="7" creationId="{00000000-0000-0000-0000-000000000000}"/>
          </ac:spMkLst>
        </pc:spChg>
      </pc:sldChg>
      <pc:sldChg chg="modSp mod">
        <pc:chgData name="JoAnna Hudgins" userId="77c9692d-40d1-4989-8b2e-f7c17af55deb" providerId="ADAL" clId="{035CA6F5-0D2C-4E71-8A85-520E490832E6}" dt="2021-10-29T12:57:18.908" v="23" actId="6549"/>
        <pc:sldMkLst>
          <pc:docMk/>
          <pc:sldMk cId="3742016406" sldId="458"/>
        </pc:sldMkLst>
        <pc:spChg chg="mod">
          <ac:chgData name="JoAnna Hudgins" userId="77c9692d-40d1-4989-8b2e-f7c17af55deb" providerId="ADAL" clId="{035CA6F5-0D2C-4E71-8A85-520E490832E6}" dt="2021-10-29T12:57:18.908" v="23" actId="6549"/>
          <ac:spMkLst>
            <pc:docMk/>
            <pc:sldMk cId="3742016406" sldId="458"/>
            <ac:spMk id="7" creationId="{00000000-0000-0000-0000-000000000000}"/>
          </ac:spMkLst>
        </pc:sp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5F46EAE-0557-4A64-BB05-3767291FFA9D}" type="datetimeFigureOut">
              <a:rPr lang="en-US" smtClean="0"/>
              <a:t>10/29/2021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861180F-1E7D-4D5D-8916-EF2F61597724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3433526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Local market examples replace the screen shots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9115386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Local market examples replace the screen shots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5131273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Local market examples replace the screen shots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7182561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Local market examples replace the screen shots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7262188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Local market examples replace the screen shots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3592734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Local market examples replace the screen shots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861180F-1E7D-4D5D-8916-EF2F61597724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2410414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altLang="en-US" b="1" dirty="0"/>
              <a:t>Speaker Role:</a:t>
            </a:r>
            <a:r>
              <a:rPr lang="en-US" altLang="en-US" b="1" baseline="0" dirty="0"/>
              <a:t> </a:t>
            </a:r>
            <a:r>
              <a:rPr lang="en-US" altLang="en-US" b="0" baseline="0" dirty="0"/>
              <a:t>RSL</a:t>
            </a:r>
            <a:endParaRPr lang="en-US" altLang="en-US" b="1" dirty="0"/>
          </a:p>
          <a:p>
            <a:r>
              <a:rPr lang="en-US" dirty="0"/>
              <a:t>We want to</a:t>
            </a:r>
            <a:r>
              <a:rPr lang="en-US" baseline="0" dirty="0"/>
              <a:t> make sure we continuously emphasize the following reasons why ION is beneficial for our frontlin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F64771D-3CD7-4C9F-980A-4DCC0F245EFD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86497947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F64771D-3CD7-4C9F-980A-4DCC0F245EFD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611451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3079078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6715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825625"/>
            <a:ext cx="386715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074710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365125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30238" y="1681163"/>
            <a:ext cx="386873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30238" y="2505075"/>
            <a:ext cx="386873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7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7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025825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457200"/>
            <a:ext cx="2949575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788" y="987425"/>
            <a:ext cx="462915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30238" y="2057400"/>
            <a:ext cx="2949575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4263966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457200"/>
            <a:ext cx="2949575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3887788" y="987425"/>
            <a:ext cx="462915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30238" y="2057400"/>
            <a:ext cx="2949575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4952166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‹#›</a:t>
            </a:fld>
            <a:endParaRPr lang="en-US" dirty="0"/>
          </a:p>
        </p:txBody>
      </p:sp>
      <p:sp>
        <p:nvSpPr>
          <p:cNvPr id="6" name="Picture Placeholder 5"/>
          <p:cNvSpPr>
            <a:spLocks noGrp="1"/>
          </p:cNvSpPr>
          <p:nvPr>
            <p:ph type="pic" sz="quarter" idx="13"/>
          </p:nvPr>
        </p:nvSpPr>
        <p:spPr>
          <a:xfrm>
            <a:off x="0" y="201613"/>
            <a:ext cx="9144000" cy="5765800"/>
          </a:xfr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</p:spTree>
    <p:extLst>
      <p:ext uri="{BB962C8B-B14F-4D97-AF65-F5344CB8AC3E}">
        <p14:creationId xmlns:p14="http://schemas.microsoft.com/office/powerpoint/2010/main" val="10832991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  <a:effectLst/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effectLst/>
        </p:spPr>
        <p:txBody>
          <a:bodyPr/>
          <a:lstStyle/>
          <a:p>
            <a:r>
              <a:rPr lang="en-US">
                <a:effectLst/>
              </a:rPr>
              <a:t>Click to edit Master title style</a:t>
            </a:r>
            <a:endParaRPr lang="fr-FR">
              <a:effectLst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5413870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image" Target="../media/image2.png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1.jpg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1">
          <a:blip r:embed="rId10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365125"/>
            <a:ext cx="7886700" cy="132556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0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 baseline="0">
                <a:solidFill>
                  <a:schemeClr val="bg1"/>
                </a:solidFill>
              </a:defRPr>
            </a:lvl1pPr>
          </a:lstStyle>
          <a:p>
            <a:fld id="{FC1C2936-932E-454D-899F-969A058D96DE}" type="slidenum">
              <a:rPr lang="en-US" smtClean="0"/>
              <a:pPr/>
              <a:t>‹#›</a:t>
            </a:fld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 userDrawn="1">
            <p:custDataLst>
              <p:tags r:id="rId9"/>
            </p:custDataLst>
          </p:nvPr>
        </p:nvPicPr>
        <p:blipFill rotWithShape="1">
          <a:blip r:embed="rId11"/>
          <a:srcRect l="15253" r="12106"/>
          <a:stretch/>
        </p:blipFill>
        <p:spPr>
          <a:xfrm>
            <a:off x="253327" y="6096216"/>
            <a:ext cx="1002534" cy="624658"/>
          </a:xfrm>
          <a:prstGeom prst="rect">
            <a:avLst/>
          </a:prstGeom>
        </p:spPr>
      </p:pic>
      <p:sp>
        <p:nvSpPr>
          <p:cNvPr id="7" name="Disclaimer"/>
          <p:cNvSpPr/>
          <p:nvPr userDrawn="1"/>
        </p:nvSpPr>
        <p:spPr>
          <a:xfrm>
            <a:off x="1375090" y="6638292"/>
            <a:ext cx="7021030" cy="165164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rIns="0" rtlCol="0" anchor="ctr" anchorCtr="0"/>
          <a:lstStyle/>
          <a:p>
            <a:pPr algn="ctr"/>
            <a:r>
              <a:rPr lang="en-US" sz="1200" b="0" i="0" baseline="0" noProof="1">
                <a:solidFill>
                  <a:srgbClr val="FFFFFF"/>
                </a:solidFill>
                <a:latin typeface="+mn-lt"/>
              </a:rPr>
              <a:t>Bimbo Bakeries USA Proprietary Information</a:t>
            </a:r>
            <a:endParaRPr lang="fr-FR" sz="1200" b="0" i="0" baseline="0" dirty="0">
              <a:solidFill>
                <a:srgbClr val="FFFFFF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69535542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9" r:id="rId1"/>
    <p:sldLayoutId id="2147483671" r:id="rId2"/>
    <p:sldLayoutId id="2147483672" r:id="rId3"/>
    <p:sldLayoutId id="2147483675" r:id="rId4"/>
    <p:sldLayoutId id="2147483676" r:id="rId5"/>
    <p:sldLayoutId id="2147483674" r:id="rId6"/>
    <p:sldLayoutId id="2147483677" r:id="rId7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3600" b="1" kern="1200">
          <a:solidFill>
            <a:schemeClr val="accent1">
              <a:lumMod val="75000"/>
            </a:schemeClr>
          </a:solidFill>
          <a:latin typeface="+mj-lt"/>
          <a:ea typeface="+mj-ea"/>
          <a:cs typeface="+mj-cs"/>
        </a:defRPr>
      </a:lvl1pPr>
    </p:titleStyle>
    <p:bodyStyle>
      <a:lvl1pPr marL="457200" indent="-4572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800100" indent="-3429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57300" indent="-3429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57350" indent="-28575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114550" indent="-28575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Relationship Id="rId4" Type="http://schemas.openxmlformats.org/officeDocument/2006/relationships/image" Target="../media/image4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png"/><Relationship Id="rId3" Type="http://schemas.openxmlformats.org/officeDocument/2006/relationships/image" Target="../media/image4.png"/><Relationship Id="rId7" Type="http://schemas.openxmlformats.org/officeDocument/2006/relationships/image" Target="../media/image2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6" Type="http://schemas.openxmlformats.org/officeDocument/2006/relationships/image" Target="../media/image20.png"/><Relationship Id="rId5" Type="http://schemas.openxmlformats.org/officeDocument/2006/relationships/image" Target="../media/image19.png"/><Relationship Id="rId4" Type="http://schemas.openxmlformats.org/officeDocument/2006/relationships/image" Target="../media/image18.png"/><Relationship Id="rId9" Type="http://schemas.openxmlformats.org/officeDocument/2006/relationships/image" Target="../media/image23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7.xml"/><Relationship Id="rId13" Type="http://schemas.openxmlformats.org/officeDocument/2006/relationships/image" Target="../media/image28.png"/><Relationship Id="rId3" Type="http://schemas.openxmlformats.org/officeDocument/2006/relationships/tags" Target="../tags/tag17.xml"/><Relationship Id="rId7" Type="http://schemas.openxmlformats.org/officeDocument/2006/relationships/slideLayout" Target="../slideLayouts/slideLayout7.xml"/><Relationship Id="rId12" Type="http://schemas.openxmlformats.org/officeDocument/2006/relationships/image" Target="../media/image27.png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11" Type="http://schemas.openxmlformats.org/officeDocument/2006/relationships/image" Target="../media/image26.png"/><Relationship Id="rId5" Type="http://schemas.openxmlformats.org/officeDocument/2006/relationships/tags" Target="../tags/tag19.xml"/><Relationship Id="rId10" Type="http://schemas.openxmlformats.org/officeDocument/2006/relationships/image" Target="../media/image25.png"/><Relationship Id="rId4" Type="http://schemas.openxmlformats.org/officeDocument/2006/relationships/tags" Target="../tags/tag18.xml"/><Relationship Id="rId9" Type="http://schemas.openxmlformats.org/officeDocument/2006/relationships/image" Target="../media/image24.png"/><Relationship Id="rId14" Type="http://schemas.openxmlformats.org/officeDocument/2006/relationships/image" Target="../media/image29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1.xml"/><Relationship Id="rId5" Type="http://schemas.openxmlformats.org/officeDocument/2006/relationships/image" Target="../media/image31.png"/><Relationship Id="rId4" Type="http://schemas.openxmlformats.org/officeDocument/2006/relationships/image" Target="../media/image30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Relationship Id="rId5" Type="http://schemas.openxmlformats.org/officeDocument/2006/relationships/image" Target="../media/image8.png"/><Relationship Id="rId4" Type="http://schemas.openxmlformats.org/officeDocument/2006/relationships/image" Target="../media/image7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Relationship Id="rId5" Type="http://schemas.openxmlformats.org/officeDocument/2006/relationships/image" Target="../media/image4.png"/><Relationship Id="rId4" Type="http://schemas.openxmlformats.org/officeDocument/2006/relationships/image" Target="../media/image9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Relationship Id="rId6" Type="http://schemas.openxmlformats.org/officeDocument/2006/relationships/image" Target="../media/image11.png"/><Relationship Id="rId5" Type="http://schemas.openxmlformats.org/officeDocument/2006/relationships/image" Target="../media/image4.png"/><Relationship Id="rId4" Type="http://schemas.openxmlformats.org/officeDocument/2006/relationships/image" Target="../media/image10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Relationship Id="rId6" Type="http://schemas.openxmlformats.org/officeDocument/2006/relationships/image" Target="../media/image9.png"/><Relationship Id="rId5" Type="http://schemas.openxmlformats.org/officeDocument/2006/relationships/image" Target="../media/image12.png"/><Relationship Id="rId4" Type="http://schemas.openxmlformats.org/officeDocument/2006/relationships/image" Target="../media/image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6" Type="http://schemas.openxmlformats.org/officeDocument/2006/relationships/image" Target="../media/image14.png"/><Relationship Id="rId5" Type="http://schemas.openxmlformats.org/officeDocument/2006/relationships/image" Target="../media/image4.png"/><Relationship Id="rId4" Type="http://schemas.openxmlformats.org/officeDocument/2006/relationships/image" Target="../media/image13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6" Type="http://schemas.openxmlformats.org/officeDocument/2006/relationships/image" Target="../media/image16.png"/><Relationship Id="rId5" Type="http://schemas.openxmlformats.org/officeDocument/2006/relationships/image" Target="../media/image4.png"/><Relationship Id="rId4" Type="http://schemas.openxmlformats.org/officeDocument/2006/relationships/image" Target="../media/image15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5" Type="http://schemas.openxmlformats.org/officeDocument/2006/relationships/image" Target="../media/image17.png"/><Relationship Id="rId4" Type="http://schemas.openxmlformats.org/officeDocument/2006/relationships/image" Target="../media/image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1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799" y="2211572"/>
            <a:ext cx="7772400" cy="2902688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en-US" sz="5100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telligent Ordering</a:t>
            </a:r>
          </a:p>
          <a:p>
            <a:pPr algn="ctr"/>
            <a:endParaRPr lang="en-US" sz="5100" dirty="0">
              <a:solidFill>
                <a:srgbClr val="2B509D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algn="ctr"/>
            <a:r>
              <a:rPr lang="en-US" sz="5100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Network</a:t>
            </a:r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67305" y="4992769"/>
            <a:ext cx="2209390" cy="765991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4"/>
          <a:srcRect l="15253" r="12106"/>
          <a:stretch/>
        </p:blipFill>
        <p:spPr>
          <a:xfrm>
            <a:off x="3367629" y="501492"/>
            <a:ext cx="2408741" cy="1500836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A21264F9-9E9F-40BD-9D71-CABEC4A7082C}"/>
              </a:ext>
            </a:extLst>
          </p:cNvPr>
          <p:cNvSpPr txBox="1"/>
          <p:nvPr/>
        </p:nvSpPr>
        <p:spPr>
          <a:xfrm>
            <a:off x="0" y="5794740"/>
            <a:ext cx="914400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i="1" dirty="0">
                <a:solidFill>
                  <a:srgbClr val="FF0000"/>
                </a:solidFill>
              </a:rPr>
              <a:t>**Please be aware that this will be recorded for training purposes**</a:t>
            </a:r>
          </a:p>
        </p:txBody>
      </p:sp>
    </p:spTree>
    <p:extLst>
      <p:ext uri="{BB962C8B-B14F-4D97-AF65-F5344CB8AC3E}">
        <p14:creationId xmlns:p14="http://schemas.microsoft.com/office/powerpoint/2010/main" val="3227450966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10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66675" y="343307"/>
            <a:ext cx="8216347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Tips for Successful Frontline Ordering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203200" y="816300"/>
            <a:ext cx="5997575" cy="33393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457200" indent="-457200">
              <a:buFont typeface="+mj-lt"/>
              <a:buAutoNum type="arabicPeriod"/>
            </a:pPr>
            <a:r>
              <a:rPr lang="en-US" sz="2400" dirty="0"/>
              <a:t>Focus on promos/display</a:t>
            </a:r>
          </a:p>
          <a:p>
            <a:pPr marL="457200" indent="-457200">
              <a:buFont typeface="+mj-lt"/>
              <a:buAutoNum type="arabicPeriod"/>
            </a:pPr>
            <a:r>
              <a:rPr lang="en-US" sz="2400" dirty="0"/>
              <a:t>Sort by Freshness</a:t>
            </a:r>
          </a:p>
          <a:p>
            <a:pPr marL="457200" indent="-457200">
              <a:buFont typeface="+mj-lt"/>
              <a:buAutoNum type="arabicPeriod"/>
            </a:pPr>
            <a:r>
              <a:rPr lang="en-US" sz="2400" dirty="0"/>
              <a:t>Submit / Arrow Forward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300" dirty="0"/>
              <a:t>Adjust things that are out of the norm</a:t>
            </a:r>
          </a:p>
          <a:p>
            <a:pPr marL="457200" indent="-457200">
              <a:buFont typeface="+mj-lt"/>
              <a:buAutoNum type="arabicPeriod"/>
            </a:pPr>
            <a:r>
              <a:rPr lang="en-US" sz="2400" dirty="0"/>
              <a:t>Consumer Demand %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300" b="1" dirty="0"/>
              <a:t>Order</a:t>
            </a:r>
            <a:r>
              <a:rPr lang="en-US" sz="2300" dirty="0"/>
              <a:t> it the way your consumers purchase it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300" b="1" dirty="0"/>
              <a:t>Deliver</a:t>
            </a:r>
            <a:r>
              <a:rPr lang="en-US" sz="2300" dirty="0"/>
              <a:t> it the way your consumers purchase it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70284DA-85FD-42E5-AEE9-A00E99045B8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973611" y="958952"/>
            <a:ext cx="2497682" cy="1603678"/>
          </a:xfrm>
          <a:prstGeom prst="rect">
            <a:avLst/>
          </a:prstGeom>
          <a:ln w="25400">
            <a:solidFill>
              <a:schemeClr val="tx1"/>
            </a:solidFill>
          </a:ln>
        </p:spPr>
      </p:pic>
      <p:cxnSp>
        <p:nvCxnSpPr>
          <p:cNvPr id="13" name="Straight Arrow Connector 12">
            <a:extLst>
              <a:ext uri="{FF2B5EF4-FFF2-40B4-BE49-F238E27FC236}">
                <a16:creationId xmlns:a16="http://schemas.microsoft.com/office/drawing/2014/main" id="{894A45E5-92D7-4A5B-8856-BC4C5950038A}"/>
              </a:ext>
            </a:extLst>
          </p:cNvPr>
          <p:cNvCxnSpPr>
            <a:cxnSpLocks/>
          </p:cNvCxnSpPr>
          <p:nvPr/>
        </p:nvCxnSpPr>
        <p:spPr>
          <a:xfrm flipV="1">
            <a:off x="2957677" y="1114425"/>
            <a:ext cx="3147848" cy="289074"/>
          </a:xfrm>
          <a:prstGeom prst="straightConnector1">
            <a:avLst/>
          </a:prstGeom>
          <a:ln w="25400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6" name="Picture 15">
            <a:extLst>
              <a:ext uri="{FF2B5EF4-FFF2-40B4-BE49-F238E27FC236}">
                <a16:creationId xmlns:a16="http://schemas.microsoft.com/office/drawing/2014/main" id="{0A5762C7-5E88-4D25-AE03-75DBB7B8386A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168502" y="3800387"/>
            <a:ext cx="3968673" cy="602487"/>
          </a:xfrm>
          <a:prstGeom prst="rect">
            <a:avLst/>
          </a:prstGeom>
        </p:spPr>
      </p:pic>
      <p:sp>
        <p:nvSpPr>
          <p:cNvPr id="17" name="Rectangle: Rounded Corners 16">
            <a:extLst>
              <a:ext uri="{FF2B5EF4-FFF2-40B4-BE49-F238E27FC236}">
                <a16:creationId xmlns:a16="http://schemas.microsoft.com/office/drawing/2014/main" id="{AB23C50A-5EA7-4EF3-80DC-24E70961DB26}"/>
              </a:ext>
            </a:extLst>
          </p:cNvPr>
          <p:cNvSpPr/>
          <p:nvPr/>
        </p:nvSpPr>
        <p:spPr>
          <a:xfrm>
            <a:off x="1038922" y="4417381"/>
            <a:ext cx="7587187" cy="660353"/>
          </a:xfrm>
          <a:prstGeom prst="round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/>
              <a:t>This Walmart is using the scan data from that store for this item to determine when product is being purchased by day—notice the differences?</a:t>
            </a: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02271642-F2E7-4712-86FC-7C005E42483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956193" y="5106747"/>
            <a:ext cx="6838950" cy="1038225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053607DD-8539-4CDE-B351-E18E7785889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48857" y="5105210"/>
            <a:ext cx="1403947" cy="715874"/>
          </a:xfrm>
          <a:prstGeom prst="rect">
            <a:avLst/>
          </a:prstGeom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FAE07097-DCEC-440D-A5DD-A204C104F1B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37175" y="3241213"/>
            <a:ext cx="1866900" cy="971550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0C37C8D7-242B-4856-BA62-8E99A076EF86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6010275" y="2724142"/>
            <a:ext cx="2441968" cy="343783"/>
          </a:xfrm>
          <a:prstGeom prst="rect">
            <a:avLst/>
          </a:prstGeom>
          <a:ln w="25400">
            <a:solidFill>
              <a:schemeClr val="tx1"/>
            </a:solidFill>
          </a:ln>
        </p:spPr>
      </p:pic>
      <p:cxnSp>
        <p:nvCxnSpPr>
          <p:cNvPr id="15" name="Straight Arrow Connector 14"/>
          <p:cNvCxnSpPr/>
          <p:nvPr/>
        </p:nvCxnSpPr>
        <p:spPr>
          <a:xfrm flipV="1">
            <a:off x="7362825" y="2971800"/>
            <a:ext cx="409575" cy="476250"/>
          </a:xfrm>
          <a:prstGeom prst="straightConnector1">
            <a:avLst/>
          </a:prstGeom>
          <a:ln w="25400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/>
          <p:cNvCxnSpPr/>
          <p:nvPr/>
        </p:nvCxnSpPr>
        <p:spPr>
          <a:xfrm flipV="1">
            <a:off x="7174109" y="2955175"/>
            <a:ext cx="118473" cy="504778"/>
          </a:xfrm>
          <a:prstGeom prst="straightConnector1">
            <a:avLst/>
          </a:prstGeom>
          <a:ln w="25400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5948833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11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57150" y="332674"/>
            <a:ext cx="9144000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Using ION in the Market Effectively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46076" y="757079"/>
            <a:ext cx="8731249" cy="532453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Before going into the market, use QLIK to identify both positive behaviors and opportunities to coach</a:t>
            </a:r>
          </a:p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In the market, open ION and look at the item’s performance in the account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200" dirty="0"/>
              <a:t>Were excessive returns due to one week’s returns? </a:t>
            </a:r>
          </a:p>
          <a:p>
            <a:pPr marL="1371600" lvl="2" indent="-457200">
              <a:buFont typeface="Arial" panose="020B0604020202020204" pitchFamily="34" charset="0"/>
              <a:buChar char="•"/>
            </a:pPr>
            <a:r>
              <a:rPr lang="en-US" dirty="0"/>
              <a:t>Overly aggressive on a promotion</a:t>
            </a:r>
          </a:p>
          <a:p>
            <a:pPr marL="1371600" lvl="2" indent="-457200">
              <a:buFont typeface="Arial" panose="020B0604020202020204" pitchFamily="34" charset="0"/>
              <a:buChar char="•"/>
            </a:pPr>
            <a:r>
              <a:rPr lang="en-US" dirty="0"/>
              <a:t>Didn’t secure extra display</a:t>
            </a:r>
          </a:p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Is the frontline making out a plan and following it?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200" dirty="0"/>
              <a:t>Is the frontline moving product from account to account?</a:t>
            </a:r>
          </a:p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Is the frontline delivering every day the item is available?</a:t>
            </a:r>
          </a:p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Is the frontline utilizing Safe Carry Over to leverage in-week adjustments?</a:t>
            </a:r>
          </a:p>
          <a:p>
            <a:pPr marL="457200" indent="-457200">
              <a:buFont typeface="Wingdings" panose="05000000000000000000" pitchFamily="2" charset="2"/>
              <a:buChar char="q"/>
            </a:pPr>
            <a:r>
              <a:rPr lang="en-US" sz="2400" dirty="0"/>
              <a:t>Is the frontline out-of-stock on an item?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200" dirty="0"/>
              <a:t>Is freshness high? Growth high?</a:t>
            </a:r>
          </a:p>
          <a:p>
            <a:pPr marL="914400" lvl="1" indent="-457200">
              <a:buFont typeface="Arial" panose="020B0604020202020204" pitchFamily="34" charset="0"/>
              <a:buChar char="•"/>
            </a:pPr>
            <a:r>
              <a:rPr lang="en-US" sz="2200" dirty="0"/>
              <a:t>Has the order been increased to determine a ceiling?</a:t>
            </a:r>
          </a:p>
        </p:txBody>
      </p:sp>
      <p:sp>
        <p:nvSpPr>
          <p:cNvPr id="2" name="Star: 5 Points 1">
            <a:extLst>
              <a:ext uri="{FF2B5EF4-FFF2-40B4-BE49-F238E27FC236}">
                <a16:creationId xmlns:a16="http://schemas.microsoft.com/office/drawing/2014/main" id="{03664B85-6D1F-4F69-B667-FC04ECC9C509}"/>
              </a:ext>
            </a:extLst>
          </p:cNvPr>
          <p:cNvSpPr/>
          <p:nvPr/>
        </p:nvSpPr>
        <p:spPr>
          <a:xfrm>
            <a:off x="365833" y="757079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Star: 5 Points 8">
            <a:extLst>
              <a:ext uri="{FF2B5EF4-FFF2-40B4-BE49-F238E27FC236}">
                <a16:creationId xmlns:a16="http://schemas.microsoft.com/office/drawing/2014/main" id="{25FD7921-5C7D-49C3-AA5C-A75AFF43F533}"/>
              </a:ext>
            </a:extLst>
          </p:cNvPr>
          <p:cNvSpPr/>
          <p:nvPr/>
        </p:nvSpPr>
        <p:spPr>
          <a:xfrm>
            <a:off x="365833" y="1453477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Star: 5 Points 10">
            <a:extLst>
              <a:ext uri="{FF2B5EF4-FFF2-40B4-BE49-F238E27FC236}">
                <a16:creationId xmlns:a16="http://schemas.microsoft.com/office/drawing/2014/main" id="{06BBF550-8B94-42B7-A7CC-54193FEED731}"/>
              </a:ext>
            </a:extLst>
          </p:cNvPr>
          <p:cNvSpPr/>
          <p:nvPr/>
        </p:nvSpPr>
        <p:spPr>
          <a:xfrm>
            <a:off x="363706" y="3074687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Star: 5 Points 12">
            <a:extLst>
              <a:ext uri="{FF2B5EF4-FFF2-40B4-BE49-F238E27FC236}">
                <a16:creationId xmlns:a16="http://schemas.microsoft.com/office/drawing/2014/main" id="{844FEF61-1E35-42A7-B8A2-1773974DB577}"/>
              </a:ext>
            </a:extLst>
          </p:cNvPr>
          <p:cNvSpPr/>
          <p:nvPr/>
        </p:nvSpPr>
        <p:spPr>
          <a:xfrm>
            <a:off x="363705" y="3771427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Star: 5 Points 13">
            <a:extLst>
              <a:ext uri="{FF2B5EF4-FFF2-40B4-BE49-F238E27FC236}">
                <a16:creationId xmlns:a16="http://schemas.microsoft.com/office/drawing/2014/main" id="{AC635C95-D7E9-4C71-8557-CEC8DAC1B458}"/>
              </a:ext>
            </a:extLst>
          </p:cNvPr>
          <p:cNvSpPr/>
          <p:nvPr/>
        </p:nvSpPr>
        <p:spPr>
          <a:xfrm>
            <a:off x="365833" y="4145619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Star: 5 Points 14">
            <a:extLst>
              <a:ext uri="{FF2B5EF4-FFF2-40B4-BE49-F238E27FC236}">
                <a16:creationId xmlns:a16="http://schemas.microsoft.com/office/drawing/2014/main" id="{B417349D-C9F4-4FCA-A64B-9AEE8B7A0023}"/>
              </a:ext>
            </a:extLst>
          </p:cNvPr>
          <p:cNvSpPr/>
          <p:nvPr/>
        </p:nvSpPr>
        <p:spPr>
          <a:xfrm>
            <a:off x="363704" y="4885361"/>
            <a:ext cx="392223" cy="393954"/>
          </a:xfrm>
          <a:prstGeom prst="star5">
            <a:avLst/>
          </a:prstGeom>
          <a:solidFill>
            <a:srgbClr val="CC0000"/>
          </a:solidFill>
          <a:ln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058738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7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1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1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22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27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6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circle(in)">
                                      <p:cBhvr>
                                        <p:cTn id="32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 animBg="1"/>
      <p:bldP spid="9" grpId="0" animBg="1"/>
      <p:bldP spid="11" grpId="0" animBg="1"/>
      <p:bldP spid="13" grpId="0" animBg="1"/>
      <p:bldP spid="14" grpId="0" animBg="1"/>
      <p:bldP spid="15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Useful talking points for frontline conversations: ION is going to be very beneficial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01649" y="11700"/>
            <a:ext cx="8190403" cy="107722"/>
          </a:xfrm>
          <a:prstGeom prst="rect">
            <a:avLst/>
          </a:prstGeom>
          <a:noFill/>
        </p:spPr>
        <p:txBody>
          <a:bodyPr vert="horz" wrap="square" lIns="42122" rIns="42122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769252873397940 columns_1_131769252873397940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01649" y="11700"/>
            <a:ext cx="8190403" cy="107722"/>
          </a:xfrm>
          <a:prstGeom prst="rect">
            <a:avLst/>
          </a:prstGeom>
          <a:noFill/>
        </p:spPr>
        <p:txBody>
          <a:bodyPr vert="horz" wrap="square" lIns="42122" rIns="42122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5_89 14_84 18_84 19_84 20_84 21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>
            <p:custDataLst>
              <p:tags r:id="rId1"/>
            </p:custDataLst>
          </p:nvPr>
        </p:nvSpPr>
        <p:spPr>
          <a:xfrm>
            <a:off x="1480623" y="1204953"/>
            <a:ext cx="6985475" cy="4588587"/>
          </a:xfrm>
          <a:prstGeom prst="rect">
            <a:avLst/>
          </a:prstGeom>
          <a:noFill/>
        </p:spPr>
        <p:txBody>
          <a:bodyPr vert="horz" wrap="square" lIns="42122" rIns="42122" rtlCol="0" anchor="t">
            <a:noAutofit/>
          </a:bodyPr>
          <a:lstStyle/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dirty="0"/>
              <a:t>A tool and network to </a:t>
            </a:r>
            <a:r>
              <a:rPr lang="en-US" sz="1843" b="1" dirty="0"/>
              <a:t>grow your business</a:t>
            </a:r>
            <a:r>
              <a:rPr lang="en-US" sz="1843" dirty="0"/>
              <a:t>, not just your order</a:t>
            </a:r>
          </a:p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b="1" dirty="0"/>
              <a:t>Advanced dashboard </a:t>
            </a:r>
            <a:r>
              <a:rPr lang="en-US" sz="1843" dirty="0"/>
              <a:t>with freshness and growth metrics on an </a:t>
            </a:r>
            <a:r>
              <a:rPr lang="en-US" sz="1843" b="1" dirty="0"/>
              <a:t>intuitive and easy to use interface</a:t>
            </a:r>
          </a:p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b="1" dirty="0"/>
              <a:t>Fewer extra touches </a:t>
            </a:r>
            <a:r>
              <a:rPr lang="en-US" sz="1843" dirty="0"/>
              <a:t>on orders from Leadership</a:t>
            </a:r>
          </a:p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b="1" dirty="0"/>
              <a:t>Smarter machine </a:t>
            </a:r>
            <a:r>
              <a:rPr lang="en-US" sz="1843" dirty="0"/>
              <a:t>with fewer errors</a:t>
            </a:r>
          </a:p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b="1" dirty="0"/>
              <a:t>Reduce time </a:t>
            </a:r>
            <a:r>
              <a:rPr lang="en-US" sz="1843" dirty="0"/>
              <a:t>spent</a:t>
            </a:r>
            <a:r>
              <a:rPr lang="en-US" sz="1843" b="1" dirty="0"/>
              <a:t> </a:t>
            </a:r>
            <a:r>
              <a:rPr lang="en-US" sz="1843" dirty="0"/>
              <a:t>ordering and pulling stales by ~2 hours/week</a:t>
            </a:r>
          </a:p>
          <a:p>
            <a:pPr marL="168195" indent="-168195">
              <a:spcBef>
                <a:spcPts val="355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843" dirty="0"/>
              <a:t>Designed </a:t>
            </a:r>
            <a:r>
              <a:rPr lang="en-US" sz="1843" b="1" dirty="0"/>
              <a:t>for you</a:t>
            </a:r>
            <a:r>
              <a:rPr lang="en-US" sz="1843" dirty="0"/>
              <a:t>, </a:t>
            </a:r>
            <a:r>
              <a:rPr lang="en-US" sz="1843" b="1" dirty="0"/>
              <a:t>by you</a:t>
            </a:r>
            <a:r>
              <a:rPr lang="en-US" sz="1843" dirty="0"/>
              <a:t>!</a:t>
            </a:r>
          </a:p>
        </p:txBody>
      </p:sp>
      <p:grpSp>
        <p:nvGrpSpPr>
          <p:cNvPr id="14" name="Group 13"/>
          <p:cNvGrpSpPr/>
          <p:nvPr>
            <p:custDataLst>
              <p:tags r:id="rId2"/>
            </p:custDataLst>
          </p:nvPr>
        </p:nvGrpSpPr>
        <p:grpSpPr>
          <a:xfrm>
            <a:off x="704952" y="1212190"/>
            <a:ext cx="727313" cy="727313"/>
            <a:chOff x="598454" y="1139943"/>
            <a:chExt cx="1610039" cy="1590473"/>
          </a:xfrm>
        </p:grpSpPr>
        <p:sp>
          <p:nvSpPr>
            <p:cNvPr id="12" name="Oval 11"/>
            <p:cNvSpPr/>
            <p:nvPr/>
          </p:nvSpPr>
          <p:spPr>
            <a:xfrm>
              <a:off x="598454" y="1139943"/>
              <a:ext cx="1610039" cy="1590473"/>
            </a:xfrm>
            <a:prstGeom prst="ellipse">
              <a:avLst/>
            </a:prstGeom>
            <a:solidFill>
              <a:srgbClr val="2F5597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endParaRPr lang="en-US" sz="1843" b="1" dirty="0">
                <a:solidFill>
                  <a:srgbClr val="000000"/>
                </a:solidFill>
              </a:endParaRPr>
            </a:p>
          </p:txBody>
        </p:sp>
        <p:pic>
          <p:nvPicPr>
            <p:cNvPr id="10" name="Picture 9"/>
            <p:cNvPicPr>
              <a:picLocks noChangeAspect="1"/>
            </p:cNvPicPr>
            <p:nvPr/>
          </p:nvPicPr>
          <p:blipFill>
            <a:blip r:embed="rId9" cstate="print">
              <a:duotone>
                <a:prstClr val="black"/>
                <a:schemeClr val="accent3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94793" y="1297505"/>
              <a:ext cx="1275347" cy="1275347"/>
            </a:xfrm>
            <a:prstGeom prst="rect">
              <a:avLst/>
            </a:prstGeom>
          </p:spPr>
        </p:pic>
      </p:grpSp>
      <p:grpSp>
        <p:nvGrpSpPr>
          <p:cNvPr id="18" name="Group 17"/>
          <p:cNvGrpSpPr/>
          <p:nvPr>
            <p:custDataLst>
              <p:tags r:id="rId3"/>
            </p:custDataLst>
          </p:nvPr>
        </p:nvGrpSpPr>
        <p:grpSpPr>
          <a:xfrm>
            <a:off x="689374" y="3661970"/>
            <a:ext cx="727313" cy="727313"/>
            <a:chOff x="-2083335" y="7214096"/>
            <a:chExt cx="1794578" cy="1701306"/>
          </a:xfrm>
        </p:grpSpPr>
        <p:sp>
          <p:nvSpPr>
            <p:cNvPr id="17" name="Oval 16"/>
            <p:cNvSpPr/>
            <p:nvPr/>
          </p:nvSpPr>
          <p:spPr>
            <a:xfrm>
              <a:off x="-2083335" y="7214096"/>
              <a:ext cx="1794578" cy="1701306"/>
            </a:xfrm>
            <a:prstGeom prst="ellipse">
              <a:avLst/>
            </a:prstGeom>
            <a:solidFill>
              <a:srgbClr val="2F5597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endParaRPr lang="en-US" sz="1843" b="1" dirty="0">
                <a:solidFill>
                  <a:srgbClr val="000000"/>
                </a:solidFill>
              </a:endParaRPr>
            </a:p>
          </p:txBody>
        </p:sp>
        <p:pic>
          <p:nvPicPr>
            <p:cNvPr id="9" name="Picture 8"/>
            <p:cNvPicPr>
              <a:picLocks noChangeAspect="1"/>
            </p:cNvPicPr>
            <p:nvPr/>
          </p:nvPicPr>
          <p:blipFill>
            <a:blip r:embed="rId10" cstate="print">
              <a:duotone>
                <a:prstClr val="black"/>
                <a:schemeClr val="accent3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-1753565" y="7554393"/>
              <a:ext cx="1070811" cy="1070811"/>
            </a:xfrm>
            <a:prstGeom prst="rect">
              <a:avLst/>
            </a:prstGeom>
          </p:spPr>
        </p:pic>
      </p:grpSp>
      <p:grpSp>
        <p:nvGrpSpPr>
          <p:cNvPr id="19" name="Group 18"/>
          <p:cNvGrpSpPr/>
          <p:nvPr>
            <p:custDataLst>
              <p:tags r:id="rId4"/>
            </p:custDataLst>
          </p:nvPr>
        </p:nvGrpSpPr>
        <p:grpSpPr>
          <a:xfrm>
            <a:off x="704952" y="2028783"/>
            <a:ext cx="727313" cy="727313"/>
            <a:chOff x="-2035210" y="2439252"/>
            <a:chExt cx="1610039" cy="1590473"/>
          </a:xfrm>
        </p:grpSpPr>
        <p:sp>
          <p:nvSpPr>
            <p:cNvPr id="15" name="Oval 14"/>
            <p:cNvSpPr/>
            <p:nvPr/>
          </p:nvSpPr>
          <p:spPr>
            <a:xfrm>
              <a:off x="-2035210" y="2439252"/>
              <a:ext cx="1610039" cy="1590473"/>
            </a:xfrm>
            <a:prstGeom prst="ellipse">
              <a:avLst/>
            </a:prstGeom>
            <a:solidFill>
              <a:srgbClr val="2F5597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endParaRPr lang="en-US" sz="1843" b="1" dirty="0">
                <a:solidFill>
                  <a:srgbClr val="000000"/>
                </a:solidFill>
              </a:endParaRPr>
            </a:p>
          </p:txBody>
        </p:sp>
        <p:pic>
          <p:nvPicPr>
            <p:cNvPr id="8" name="Picture 7"/>
            <p:cNvPicPr>
              <a:picLocks noChangeAspect="1"/>
            </p:cNvPicPr>
            <p:nvPr/>
          </p:nvPicPr>
          <p:blipFill>
            <a:blip r:embed="rId11" cstate="print">
              <a:duotone>
                <a:prstClr val="black"/>
                <a:schemeClr val="accent3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-1750972" y="2700962"/>
              <a:ext cx="1067051" cy="1067051"/>
            </a:xfrm>
            <a:prstGeom prst="rect">
              <a:avLst/>
            </a:prstGeom>
          </p:spPr>
        </p:pic>
      </p:grpSp>
      <p:grpSp>
        <p:nvGrpSpPr>
          <p:cNvPr id="20" name="Group 19"/>
          <p:cNvGrpSpPr/>
          <p:nvPr>
            <p:custDataLst>
              <p:tags r:id="rId5"/>
            </p:custDataLst>
          </p:nvPr>
        </p:nvGrpSpPr>
        <p:grpSpPr>
          <a:xfrm>
            <a:off x="694217" y="2845376"/>
            <a:ext cx="727313" cy="727313"/>
            <a:chOff x="-2023178" y="5073583"/>
            <a:chExt cx="1610039" cy="1590473"/>
          </a:xfrm>
        </p:grpSpPr>
        <p:sp>
          <p:nvSpPr>
            <p:cNvPr id="16" name="Oval 15"/>
            <p:cNvSpPr/>
            <p:nvPr/>
          </p:nvSpPr>
          <p:spPr>
            <a:xfrm>
              <a:off x="-2023178" y="5073583"/>
              <a:ext cx="1610039" cy="1590473"/>
            </a:xfrm>
            <a:prstGeom prst="ellipse">
              <a:avLst/>
            </a:prstGeom>
            <a:solidFill>
              <a:srgbClr val="2F5597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endParaRPr lang="en-US" sz="1843" b="1" dirty="0">
                <a:solidFill>
                  <a:srgbClr val="000000"/>
                </a:solidFill>
              </a:endParaRPr>
            </a:p>
          </p:txBody>
        </p:sp>
        <p:pic>
          <p:nvPicPr>
            <p:cNvPr id="11" name="Picture 10"/>
            <p:cNvPicPr>
              <a:picLocks noChangeAspect="1"/>
            </p:cNvPicPr>
            <p:nvPr/>
          </p:nvPicPr>
          <p:blipFill>
            <a:blip r:embed="rId12" cstate="print">
              <a:duotone>
                <a:prstClr val="black"/>
                <a:schemeClr val="accent3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-1761050" y="5336156"/>
              <a:ext cx="1087282" cy="1087282"/>
            </a:xfrm>
            <a:prstGeom prst="rect">
              <a:avLst/>
            </a:prstGeom>
          </p:spPr>
        </p:pic>
      </p:grpSp>
      <p:grpSp>
        <p:nvGrpSpPr>
          <p:cNvPr id="21" name="Group 20"/>
          <p:cNvGrpSpPr/>
          <p:nvPr>
            <p:custDataLst>
              <p:tags r:id="rId6"/>
            </p:custDataLst>
          </p:nvPr>
        </p:nvGrpSpPr>
        <p:grpSpPr>
          <a:xfrm>
            <a:off x="672875" y="5379008"/>
            <a:ext cx="727313" cy="727313"/>
            <a:chOff x="-2023178" y="177417"/>
            <a:chExt cx="1610039" cy="1590473"/>
          </a:xfrm>
        </p:grpSpPr>
        <p:sp>
          <p:nvSpPr>
            <p:cNvPr id="13" name="Oval 12"/>
            <p:cNvSpPr/>
            <p:nvPr/>
          </p:nvSpPr>
          <p:spPr>
            <a:xfrm>
              <a:off x="-2023178" y="177417"/>
              <a:ext cx="1610039" cy="1590473"/>
            </a:xfrm>
            <a:prstGeom prst="ellipse">
              <a:avLst/>
            </a:prstGeom>
            <a:solidFill>
              <a:srgbClr val="2F5597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3167" tIns="33167" rIns="33167" bIns="33167" rtlCol="0" anchor="ctr"/>
            <a:lstStyle/>
            <a:p>
              <a:pPr algn="ctr"/>
              <a:endParaRPr lang="en-US" sz="1843" b="1" dirty="0">
                <a:solidFill>
                  <a:srgbClr val="000000"/>
                </a:solidFill>
              </a:endParaRPr>
            </a:p>
          </p:txBody>
        </p:sp>
        <p:pic>
          <p:nvPicPr>
            <p:cNvPr id="7" name="Picture 6"/>
            <p:cNvPicPr>
              <a:picLocks noChangeAspect="1"/>
            </p:cNvPicPr>
            <p:nvPr/>
          </p:nvPicPr>
          <p:blipFill>
            <a:blip r:embed="rId13" cstate="print">
              <a:duotone>
                <a:prstClr val="black"/>
                <a:schemeClr val="accent3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-1799853" y="415330"/>
              <a:ext cx="1163388" cy="1163388"/>
            </a:xfrm>
            <a:prstGeom prst="rect">
              <a:avLst/>
            </a:prstGeom>
          </p:spPr>
        </p:pic>
      </p:grpSp>
      <p:sp>
        <p:nvSpPr>
          <p:cNvPr id="4" name="Rectangle 3"/>
          <p:cNvSpPr/>
          <p:nvPr/>
        </p:nvSpPr>
        <p:spPr>
          <a:xfrm>
            <a:off x="1487119" y="1231298"/>
            <a:ext cx="161346" cy="4792158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3167" tIns="33167" rIns="33167" bIns="33167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58" dirty="0">
              <a:solidFill>
                <a:srgbClr val="FFFFFF"/>
              </a:solidFill>
            </a:endParaRPr>
          </a:p>
        </p:txBody>
      </p:sp>
      <p:sp>
        <p:nvSpPr>
          <p:cNvPr id="24" name="Oval 23"/>
          <p:cNvSpPr/>
          <p:nvPr/>
        </p:nvSpPr>
        <p:spPr>
          <a:xfrm>
            <a:off x="672875" y="4531216"/>
            <a:ext cx="727313" cy="727313"/>
          </a:xfrm>
          <a:prstGeom prst="ellipse">
            <a:avLst/>
          </a:prstGeom>
          <a:solidFill>
            <a:srgbClr val="2F5597"/>
          </a:solidFill>
          <a:ln w="19050">
            <a:solidFill>
              <a:srgbClr val="FFFFF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3167" tIns="33167" rIns="33167" bIns="33167" rtlCol="0" anchor="ctr"/>
          <a:lstStyle/>
          <a:p>
            <a:pPr algn="ctr"/>
            <a:endParaRPr lang="en-US" sz="1843" b="1" dirty="0">
              <a:solidFill>
                <a:srgbClr val="000000"/>
              </a:solidFill>
            </a:endParaRPr>
          </a:p>
        </p:txBody>
      </p:sp>
      <p:pic>
        <p:nvPicPr>
          <p:cNvPr id="2050" name="Picture 2" descr="https://d30y9cdsu7xlg0.cloudfront.net/png/534804-200.png"/>
          <p:cNvPicPr>
            <a:picLocks noChangeAspect="1" noChangeArrowheads="1"/>
          </p:cNvPicPr>
          <p:nvPr/>
        </p:nvPicPr>
        <p:blipFill>
          <a:blip r:embed="rId14" cstate="print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7016" y="4636581"/>
            <a:ext cx="499030" cy="4990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Rectangle 24"/>
          <p:cNvSpPr/>
          <p:nvPr/>
        </p:nvSpPr>
        <p:spPr>
          <a:xfrm>
            <a:off x="9367322" y="0"/>
            <a:ext cx="1323836" cy="1120447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3167" tIns="33167" rIns="33167" bIns="33167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90" dirty="0">
                <a:solidFill>
                  <a:srgbClr val="FFFFFF"/>
                </a:solidFill>
              </a:rPr>
              <a:t>RSL</a:t>
            </a:r>
          </a:p>
        </p:txBody>
      </p:sp>
    </p:spTree>
    <p:extLst>
      <p:ext uri="{BB962C8B-B14F-4D97-AF65-F5344CB8AC3E}">
        <p14:creationId xmlns:p14="http://schemas.microsoft.com/office/powerpoint/2010/main" val="701703800"/>
      </p:ext>
    </p:extLst>
  </p:cSld>
  <p:clrMapOvr>
    <a:masterClrMapping/>
  </p:clrMapOvr>
  <p:transition/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ainBulletsConfiguration" hidden="1"/>
          <p:cNvSpPr txBox="1"/>
          <p:nvPr/>
        </p:nvSpPr>
        <p:spPr>
          <a:xfrm>
            <a:off x="101649" y="11700"/>
            <a:ext cx="8190403" cy="107722"/>
          </a:xfrm>
          <a:prstGeom prst="rect">
            <a:avLst/>
          </a:prstGeom>
          <a:noFill/>
        </p:spPr>
        <p:txBody>
          <a:bodyPr vert="horz" wrap="square" lIns="42122" rIns="42122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17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01649" y="11700"/>
            <a:ext cx="8190403" cy="107722"/>
          </a:xfrm>
          <a:prstGeom prst="rect">
            <a:avLst/>
          </a:prstGeom>
          <a:noFill/>
        </p:spPr>
        <p:txBody>
          <a:bodyPr vert="horz" wrap="square" lIns="42122" rIns="42122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769380195392323 columns_1_131769380195392323</a:t>
            </a:r>
            <a:endParaRPr lang="en-US" sz="100" dirty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9" name="Oval 6"/>
          <p:cNvSpPr>
            <a:spLocks noChangeArrowheads="1"/>
          </p:cNvSpPr>
          <p:nvPr/>
        </p:nvSpPr>
        <p:spPr bwMode="gray">
          <a:xfrm>
            <a:off x="8324772" y="220470"/>
            <a:ext cx="647175" cy="634427"/>
          </a:xfrm>
          <a:prstGeom prst="ellipse">
            <a:avLst/>
          </a:prstGeom>
          <a:solidFill>
            <a:srgbClr val="FFFFFF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19050" cap="flat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33167" tIns="33167" rIns="33167" bIns="33167" anchor="ctr"/>
          <a:lstStyle/>
          <a:p>
            <a:pPr algn="ctr" eaLnBrk="0" hangingPunct="0"/>
            <a:endParaRPr lang="en-US" altLang="en-US" sz="1106">
              <a:solidFill>
                <a:srgbClr val="000000"/>
              </a:solidFill>
            </a:endParaRPr>
          </a:p>
        </p:txBody>
      </p:sp>
      <p:sp>
        <p:nvSpPr>
          <p:cNvPr id="10" name="Freeform 11"/>
          <p:cNvSpPr>
            <a:spLocks/>
          </p:cNvSpPr>
          <p:nvPr/>
        </p:nvSpPr>
        <p:spPr bwMode="auto">
          <a:xfrm rot="4920000">
            <a:off x="8331252" y="202251"/>
            <a:ext cx="322735" cy="350342"/>
          </a:xfrm>
          <a:custGeom>
            <a:avLst/>
            <a:gdLst>
              <a:gd name="T0" fmla="*/ 0 w 2470389"/>
              <a:gd name="T1" fmla="*/ 489673 h 2630094"/>
              <a:gd name="T2" fmla="*/ 777969 w 2470389"/>
              <a:gd name="T3" fmla="*/ 0 h 2630094"/>
              <a:gd name="T4" fmla="*/ 1555937 w 2470389"/>
              <a:gd name="T5" fmla="*/ 489673 h 2630094"/>
              <a:gd name="T6" fmla="*/ 1293594 w 2470389"/>
              <a:gd name="T7" fmla="*/ 489673 h 2630094"/>
              <a:gd name="T8" fmla="*/ 1342078 w 2470389"/>
              <a:gd name="T9" fmla="*/ 696108 h 2630094"/>
              <a:gd name="T10" fmla="*/ 2420060 w 2470389"/>
              <a:gd name="T11" fmla="*/ 1603182 h 2630094"/>
              <a:gd name="T12" fmla="*/ 2470389 w 2470389"/>
              <a:gd name="T13" fmla="*/ 1607660 h 2630094"/>
              <a:gd name="T14" fmla="*/ 2138448 w 2470389"/>
              <a:gd name="T15" fmla="*/ 2135033 h 2630094"/>
              <a:gd name="T16" fmla="*/ 2450051 w 2470389"/>
              <a:gd name="T17" fmla="*/ 2630094 h 2630094"/>
              <a:gd name="T18" fmla="*/ 2278316 w 2470389"/>
              <a:gd name="T19" fmla="*/ 2614811 h 2630094"/>
              <a:gd name="T20" fmla="*/ 283311 w 2470389"/>
              <a:gd name="T21" fmla="*/ 642588 h 2630094"/>
              <a:gd name="T22" fmla="*/ 267000 w 2470389"/>
              <a:gd name="T23" fmla="*/ 489673 h 2630094"/>
              <a:gd name="T24" fmla="*/ 0 w 2470389"/>
              <a:gd name="T25" fmla="*/ 489673 h 263009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2470389" h="2630094">
                <a:moveTo>
                  <a:pt x="0" y="489673"/>
                </a:moveTo>
                <a:lnTo>
                  <a:pt x="777969" y="0"/>
                </a:lnTo>
                <a:lnTo>
                  <a:pt x="1555937" y="489673"/>
                </a:lnTo>
                <a:lnTo>
                  <a:pt x="1293594" y="489673"/>
                </a:lnTo>
                <a:lnTo>
                  <a:pt x="1342078" y="696108"/>
                </a:lnTo>
                <a:cubicBezTo>
                  <a:pt x="1492861" y="1164666"/>
                  <a:pt x="1899912" y="1530301"/>
                  <a:pt x="2420060" y="1603182"/>
                </a:cubicBezTo>
                <a:lnTo>
                  <a:pt x="2470389" y="1607660"/>
                </a:lnTo>
                <a:lnTo>
                  <a:pt x="2138448" y="2135033"/>
                </a:lnTo>
                <a:lnTo>
                  <a:pt x="2450051" y="2630094"/>
                </a:lnTo>
                <a:lnTo>
                  <a:pt x="2278316" y="2614811"/>
                </a:lnTo>
                <a:cubicBezTo>
                  <a:pt x="1225547" y="2467302"/>
                  <a:pt x="434383" y="1642618"/>
                  <a:pt x="283311" y="642588"/>
                </a:cubicBezTo>
                <a:lnTo>
                  <a:pt x="267000" y="489673"/>
                </a:lnTo>
                <a:lnTo>
                  <a:pt x="0" y="489673"/>
                </a:lnTo>
                <a:close/>
              </a:path>
            </a:pathLst>
          </a:custGeom>
          <a:solidFill>
            <a:srgbClr val="B2B2B2"/>
          </a:solidFill>
          <a:ln w="9525" cap="flat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/>
          <a:lstStyle/>
          <a:p>
            <a:endParaRPr lang="en-US" sz="1106" dirty="0">
              <a:solidFill>
                <a:srgbClr val="000000"/>
              </a:solidFill>
            </a:endParaRPr>
          </a:p>
        </p:txBody>
      </p:sp>
      <p:sp>
        <p:nvSpPr>
          <p:cNvPr id="11" name="Freeform 12"/>
          <p:cNvSpPr>
            <a:spLocks/>
          </p:cNvSpPr>
          <p:nvPr/>
        </p:nvSpPr>
        <p:spPr bwMode="auto">
          <a:xfrm rot="10320000">
            <a:off x="8655387" y="210503"/>
            <a:ext cx="328938" cy="343441"/>
          </a:xfrm>
          <a:custGeom>
            <a:avLst/>
            <a:gdLst>
              <a:gd name="T0" fmla="*/ 0 w 2470389"/>
              <a:gd name="T1" fmla="*/ 489673 h 2630094"/>
              <a:gd name="T2" fmla="*/ 777969 w 2470389"/>
              <a:gd name="T3" fmla="*/ 0 h 2630094"/>
              <a:gd name="T4" fmla="*/ 1555937 w 2470389"/>
              <a:gd name="T5" fmla="*/ 489673 h 2630094"/>
              <a:gd name="T6" fmla="*/ 1293594 w 2470389"/>
              <a:gd name="T7" fmla="*/ 489673 h 2630094"/>
              <a:gd name="T8" fmla="*/ 1342078 w 2470389"/>
              <a:gd name="T9" fmla="*/ 696108 h 2630094"/>
              <a:gd name="T10" fmla="*/ 2420060 w 2470389"/>
              <a:gd name="T11" fmla="*/ 1603182 h 2630094"/>
              <a:gd name="T12" fmla="*/ 2470389 w 2470389"/>
              <a:gd name="T13" fmla="*/ 1607660 h 2630094"/>
              <a:gd name="T14" fmla="*/ 2138448 w 2470389"/>
              <a:gd name="T15" fmla="*/ 2135033 h 2630094"/>
              <a:gd name="T16" fmla="*/ 2450051 w 2470389"/>
              <a:gd name="T17" fmla="*/ 2630094 h 2630094"/>
              <a:gd name="T18" fmla="*/ 2278316 w 2470389"/>
              <a:gd name="T19" fmla="*/ 2614811 h 2630094"/>
              <a:gd name="T20" fmla="*/ 283311 w 2470389"/>
              <a:gd name="T21" fmla="*/ 642588 h 2630094"/>
              <a:gd name="T22" fmla="*/ 267000 w 2470389"/>
              <a:gd name="T23" fmla="*/ 489673 h 2630094"/>
              <a:gd name="T24" fmla="*/ 0 w 2470389"/>
              <a:gd name="T25" fmla="*/ 489673 h 263009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2470389" h="2630094">
                <a:moveTo>
                  <a:pt x="0" y="489673"/>
                </a:moveTo>
                <a:lnTo>
                  <a:pt x="777969" y="0"/>
                </a:lnTo>
                <a:lnTo>
                  <a:pt x="1555937" y="489673"/>
                </a:lnTo>
                <a:lnTo>
                  <a:pt x="1293594" y="489673"/>
                </a:lnTo>
                <a:lnTo>
                  <a:pt x="1342078" y="696108"/>
                </a:lnTo>
                <a:cubicBezTo>
                  <a:pt x="1492861" y="1164666"/>
                  <a:pt x="1899912" y="1530301"/>
                  <a:pt x="2420060" y="1603182"/>
                </a:cubicBezTo>
                <a:lnTo>
                  <a:pt x="2470389" y="1607660"/>
                </a:lnTo>
                <a:lnTo>
                  <a:pt x="2138448" y="2135033"/>
                </a:lnTo>
                <a:lnTo>
                  <a:pt x="2450051" y="2630094"/>
                </a:lnTo>
                <a:lnTo>
                  <a:pt x="2278316" y="2614811"/>
                </a:lnTo>
                <a:cubicBezTo>
                  <a:pt x="1225547" y="2467302"/>
                  <a:pt x="434383" y="1642618"/>
                  <a:pt x="283311" y="642588"/>
                </a:cubicBezTo>
                <a:lnTo>
                  <a:pt x="267000" y="489673"/>
                </a:lnTo>
                <a:lnTo>
                  <a:pt x="0" y="489673"/>
                </a:lnTo>
                <a:close/>
              </a:path>
            </a:pathLst>
          </a:custGeom>
          <a:solidFill>
            <a:srgbClr val="4472C4"/>
          </a:solidFill>
          <a:ln>
            <a:noFill/>
          </a:ln>
          <a:effectLst/>
        </p:spPr>
        <p:txBody>
          <a:bodyPr/>
          <a:lstStyle/>
          <a:p>
            <a:endParaRPr lang="en-US" sz="1106">
              <a:solidFill>
                <a:srgbClr val="000000"/>
              </a:solidFill>
            </a:endParaRPr>
          </a:p>
        </p:txBody>
      </p:sp>
      <p:sp>
        <p:nvSpPr>
          <p:cNvPr id="12" name="Freeform 13"/>
          <p:cNvSpPr>
            <a:spLocks/>
          </p:cNvSpPr>
          <p:nvPr/>
        </p:nvSpPr>
        <p:spPr bwMode="auto">
          <a:xfrm rot="15720000">
            <a:off x="8647374" y="524295"/>
            <a:ext cx="322460" cy="350342"/>
          </a:xfrm>
          <a:custGeom>
            <a:avLst/>
            <a:gdLst>
              <a:gd name="T0" fmla="*/ 0 w 2470389"/>
              <a:gd name="T1" fmla="*/ 489673 h 2630094"/>
              <a:gd name="T2" fmla="*/ 777969 w 2470389"/>
              <a:gd name="T3" fmla="*/ 0 h 2630094"/>
              <a:gd name="T4" fmla="*/ 1555937 w 2470389"/>
              <a:gd name="T5" fmla="*/ 489673 h 2630094"/>
              <a:gd name="T6" fmla="*/ 1293594 w 2470389"/>
              <a:gd name="T7" fmla="*/ 489673 h 2630094"/>
              <a:gd name="T8" fmla="*/ 1342078 w 2470389"/>
              <a:gd name="T9" fmla="*/ 696108 h 2630094"/>
              <a:gd name="T10" fmla="*/ 2420060 w 2470389"/>
              <a:gd name="T11" fmla="*/ 1603182 h 2630094"/>
              <a:gd name="T12" fmla="*/ 2470389 w 2470389"/>
              <a:gd name="T13" fmla="*/ 1607660 h 2630094"/>
              <a:gd name="T14" fmla="*/ 2138448 w 2470389"/>
              <a:gd name="T15" fmla="*/ 2135033 h 2630094"/>
              <a:gd name="T16" fmla="*/ 2450051 w 2470389"/>
              <a:gd name="T17" fmla="*/ 2630094 h 2630094"/>
              <a:gd name="T18" fmla="*/ 2278316 w 2470389"/>
              <a:gd name="T19" fmla="*/ 2614811 h 2630094"/>
              <a:gd name="T20" fmla="*/ 283311 w 2470389"/>
              <a:gd name="T21" fmla="*/ 642588 h 2630094"/>
              <a:gd name="T22" fmla="*/ 267000 w 2470389"/>
              <a:gd name="T23" fmla="*/ 489673 h 2630094"/>
              <a:gd name="T24" fmla="*/ 0 w 2470389"/>
              <a:gd name="T25" fmla="*/ 489673 h 263009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2470389" h="2630094">
                <a:moveTo>
                  <a:pt x="0" y="489673"/>
                </a:moveTo>
                <a:lnTo>
                  <a:pt x="777969" y="0"/>
                </a:lnTo>
                <a:lnTo>
                  <a:pt x="1555937" y="489673"/>
                </a:lnTo>
                <a:lnTo>
                  <a:pt x="1293594" y="489673"/>
                </a:lnTo>
                <a:lnTo>
                  <a:pt x="1342078" y="696108"/>
                </a:lnTo>
                <a:cubicBezTo>
                  <a:pt x="1492861" y="1164666"/>
                  <a:pt x="1899912" y="1530301"/>
                  <a:pt x="2420060" y="1603182"/>
                </a:cubicBezTo>
                <a:lnTo>
                  <a:pt x="2470389" y="1607660"/>
                </a:lnTo>
                <a:lnTo>
                  <a:pt x="2138448" y="2135033"/>
                </a:lnTo>
                <a:lnTo>
                  <a:pt x="2450051" y="2630094"/>
                </a:lnTo>
                <a:lnTo>
                  <a:pt x="2278316" y="2614811"/>
                </a:lnTo>
                <a:cubicBezTo>
                  <a:pt x="1225547" y="2467302"/>
                  <a:pt x="434383" y="1642618"/>
                  <a:pt x="283311" y="642588"/>
                </a:cubicBezTo>
                <a:lnTo>
                  <a:pt x="267000" y="489673"/>
                </a:lnTo>
                <a:lnTo>
                  <a:pt x="0" y="489673"/>
                </a:lnTo>
                <a:close/>
              </a:path>
            </a:pathLst>
          </a:custGeom>
          <a:solidFill>
            <a:srgbClr val="4472C4"/>
          </a:solidFill>
          <a:ln>
            <a:noFill/>
          </a:ln>
          <a:effectLst/>
        </p:spPr>
        <p:txBody>
          <a:bodyPr/>
          <a:lstStyle/>
          <a:p>
            <a:endParaRPr lang="en-US" sz="1106">
              <a:solidFill>
                <a:srgbClr val="000000"/>
              </a:solidFill>
            </a:endParaRPr>
          </a:p>
        </p:txBody>
      </p:sp>
      <p:sp>
        <p:nvSpPr>
          <p:cNvPr id="13" name="Freeform 14"/>
          <p:cNvSpPr>
            <a:spLocks/>
          </p:cNvSpPr>
          <p:nvPr/>
        </p:nvSpPr>
        <p:spPr bwMode="auto">
          <a:xfrm rot="21180000">
            <a:off x="8319984" y="520567"/>
            <a:ext cx="328938" cy="343441"/>
          </a:xfrm>
          <a:custGeom>
            <a:avLst/>
            <a:gdLst>
              <a:gd name="T0" fmla="*/ 0 w 2470389"/>
              <a:gd name="T1" fmla="*/ 489673 h 2630094"/>
              <a:gd name="T2" fmla="*/ 777969 w 2470389"/>
              <a:gd name="T3" fmla="*/ 0 h 2630094"/>
              <a:gd name="T4" fmla="*/ 1555937 w 2470389"/>
              <a:gd name="T5" fmla="*/ 489673 h 2630094"/>
              <a:gd name="T6" fmla="*/ 1293594 w 2470389"/>
              <a:gd name="T7" fmla="*/ 489673 h 2630094"/>
              <a:gd name="T8" fmla="*/ 1342078 w 2470389"/>
              <a:gd name="T9" fmla="*/ 696108 h 2630094"/>
              <a:gd name="T10" fmla="*/ 2420060 w 2470389"/>
              <a:gd name="T11" fmla="*/ 1603182 h 2630094"/>
              <a:gd name="T12" fmla="*/ 2470389 w 2470389"/>
              <a:gd name="T13" fmla="*/ 1607660 h 2630094"/>
              <a:gd name="T14" fmla="*/ 2138448 w 2470389"/>
              <a:gd name="T15" fmla="*/ 2135033 h 2630094"/>
              <a:gd name="T16" fmla="*/ 2450051 w 2470389"/>
              <a:gd name="T17" fmla="*/ 2630094 h 2630094"/>
              <a:gd name="T18" fmla="*/ 2278316 w 2470389"/>
              <a:gd name="T19" fmla="*/ 2614811 h 2630094"/>
              <a:gd name="T20" fmla="*/ 283311 w 2470389"/>
              <a:gd name="T21" fmla="*/ 642588 h 2630094"/>
              <a:gd name="T22" fmla="*/ 267000 w 2470389"/>
              <a:gd name="T23" fmla="*/ 489673 h 2630094"/>
              <a:gd name="T24" fmla="*/ 0 w 2470389"/>
              <a:gd name="T25" fmla="*/ 489673 h 263009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2470389" h="2630094">
                <a:moveTo>
                  <a:pt x="0" y="489673"/>
                </a:moveTo>
                <a:lnTo>
                  <a:pt x="777969" y="0"/>
                </a:lnTo>
                <a:lnTo>
                  <a:pt x="1555937" y="489673"/>
                </a:lnTo>
                <a:lnTo>
                  <a:pt x="1293594" y="489673"/>
                </a:lnTo>
                <a:lnTo>
                  <a:pt x="1342078" y="696108"/>
                </a:lnTo>
                <a:cubicBezTo>
                  <a:pt x="1492861" y="1164666"/>
                  <a:pt x="1899912" y="1530301"/>
                  <a:pt x="2420060" y="1603182"/>
                </a:cubicBezTo>
                <a:lnTo>
                  <a:pt x="2470389" y="1607660"/>
                </a:lnTo>
                <a:lnTo>
                  <a:pt x="2138448" y="2135033"/>
                </a:lnTo>
                <a:lnTo>
                  <a:pt x="2450051" y="2630094"/>
                </a:lnTo>
                <a:lnTo>
                  <a:pt x="2278316" y="2614811"/>
                </a:lnTo>
                <a:cubicBezTo>
                  <a:pt x="1225547" y="2467302"/>
                  <a:pt x="434383" y="1642618"/>
                  <a:pt x="283311" y="642588"/>
                </a:cubicBezTo>
                <a:lnTo>
                  <a:pt x="267000" y="489673"/>
                </a:lnTo>
                <a:lnTo>
                  <a:pt x="0" y="489673"/>
                </a:lnTo>
                <a:close/>
              </a:path>
            </a:pathLst>
          </a:custGeom>
          <a:solidFill>
            <a:srgbClr val="B2B2B2"/>
          </a:solidFill>
          <a:ln>
            <a:noFill/>
          </a:ln>
          <a:effectLst/>
        </p:spPr>
        <p:txBody>
          <a:bodyPr/>
          <a:lstStyle/>
          <a:p>
            <a:endParaRPr lang="en-US" sz="1106">
              <a:solidFill>
                <a:srgbClr val="000000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 rot="2858019">
            <a:off x="8422650" y="530346"/>
            <a:ext cx="271884" cy="190216"/>
          </a:xfrm>
          <a:prstGeom prst="rect">
            <a:avLst/>
          </a:prstGeom>
          <a:noFill/>
        </p:spPr>
        <p:txBody>
          <a:bodyPr spcFirstLastPara="1" wrap="none" lIns="42122" rIns="42122" numCol="1" rtlCol="0" anchor="ctr">
            <a:prstTxWarp prst="textArchDown">
              <a:avLst/>
            </a:prstTxWarp>
            <a:spAutoFit/>
          </a:bodyPr>
          <a:lstStyle/>
          <a:p>
            <a:pPr algn="ctr"/>
            <a:r>
              <a:rPr lang="en-US" sz="369" b="1" dirty="0">
                <a:solidFill>
                  <a:schemeClr val="bg1"/>
                </a:solidFill>
              </a:rPr>
              <a:t>ROLES &amp;</a:t>
            </a:r>
            <a:br>
              <a:rPr lang="en-US" sz="369" b="1" dirty="0">
                <a:solidFill>
                  <a:schemeClr val="bg1"/>
                </a:solidFill>
              </a:rPr>
            </a:br>
            <a:r>
              <a:rPr lang="en-US" sz="369" b="1" dirty="0">
                <a:solidFill>
                  <a:schemeClr val="bg1"/>
                </a:solidFill>
              </a:rPr>
              <a:t>PROCESS</a:t>
            </a:r>
          </a:p>
        </p:txBody>
      </p:sp>
      <p:sp>
        <p:nvSpPr>
          <p:cNvPr id="15" name="TextBox 14"/>
          <p:cNvSpPr txBox="1"/>
          <p:nvPr/>
        </p:nvSpPr>
        <p:spPr>
          <a:xfrm rot="18912650">
            <a:off x="8608127" y="533231"/>
            <a:ext cx="277346" cy="186469"/>
          </a:xfrm>
          <a:prstGeom prst="rect">
            <a:avLst/>
          </a:prstGeom>
          <a:noFill/>
        </p:spPr>
        <p:txBody>
          <a:bodyPr spcFirstLastPara="1" wrap="none" lIns="42122" rIns="42122" numCol="1" rtlCol="0" anchor="ctr">
            <a:prstTxWarp prst="textArchDown">
              <a:avLst/>
            </a:prstTxWarp>
            <a:spAutoFit/>
          </a:bodyPr>
          <a:lstStyle/>
          <a:p>
            <a:pPr algn="ctr"/>
            <a:r>
              <a:rPr lang="en-US" sz="369" b="1" dirty="0">
                <a:solidFill>
                  <a:schemeClr val="bg1"/>
                </a:solidFill>
              </a:rPr>
              <a:t>USER</a:t>
            </a:r>
          </a:p>
          <a:p>
            <a:pPr algn="ctr"/>
            <a:r>
              <a:rPr lang="en-US" sz="369" b="1" dirty="0">
                <a:solidFill>
                  <a:schemeClr val="bg1"/>
                </a:solidFill>
              </a:rPr>
              <a:t> INTERFACE</a:t>
            </a:r>
          </a:p>
        </p:txBody>
      </p:sp>
      <p:sp>
        <p:nvSpPr>
          <p:cNvPr id="16" name="Oval 28"/>
          <p:cNvSpPr>
            <a:spLocks noChangeArrowheads="1"/>
          </p:cNvSpPr>
          <p:nvPr/>
        </p:nvSpPr>
        <p:spPr bwMode="auto">
          <a:xfrm>
            <a:off x="8555472" y="451229"/>
            <a:ext cx="188307" cy="177605"/>
          </a:xfrm>
          <a:prstGeom prst="ellipse">
            <a:avLst/>
          </a:prstGeom>
          <a:solidFill>
            <a:srgbClr val="B2B2B2"/>
          </a:solidFill>
          <a:ln>
            <a:noFill/>
          </a:ln>
          <a:effectLst/>
        </p:spPr>
        <p:txBody>
          <a:bodyPr lIns="33167" tIns="673953" rIns="33167" bIns="168488" anchor="b"/>
          <a:lstStyle/>
          <a:p>
            <a:pPr algn="ctr" eaLnBrk="0" hangingPunct="0"/>
            <a:endParaRPr lang="en-US" altLang="en-US" sz="1106" dirty="0">
              <a:solidFill>
                <a:srgbClr val="000000"/>
              </a:solidFill>
              <a:latin typeface="Comic Sans MS" panose="030F0702030302020204" pitchFamily="66" charset="0"/>
            </a:endParaRPr>
          </a:p>
        </p:txBody>
      </p:sp>
      <p:grpSp>
        <p:nvGrpSpPr>
          <p:cNvPr id="17" name="Group 421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 rot="10800000" flipV="1">
            <a:off x="8615409" y="493919"/>
            <a:ext cx="68154" cy="70123"/>
            <a:chOff x="2066925" y="6157723"/>
            <a:chExt cx="503238" cy="527049"/>
          </a:xfrm>
        </p:grpSpPr>
        <p:sp>
          <p:nvSpPr>
            <p:cNvPr id="18" name="Freeform 6"/>
            <p:cNvSpPr>
              <a:spLocks/>
            </p:cNvSpPr>
            <p:nvPr/>
          </p:nvSpPr>
          <p:spPr bwMode="gray">
            <a:xfrm>
              <a:off x="2193927" y="6157723"/>
              <a:ext cx="376236" cy="527049"/>
            </a:xfrm>
            <a:custGeom>
              <a:avLst/>
              <a:gdLst>
                <a:gd name="T0" fmla="*/ 852 w 1281"/>
                <a:gd name="T1" fmla="*/ 1791 h 1791"/>
                <a:gd name="T2" fmla="*/ 672 w 1281"/>
                <a:gd name="T3" fmla="*/ 1791 h 1791"/>
                <a:gd name="T4" fmla="*/ 661 w 1281"/>
                <a:gd name="T5" fmla="*/ 1789 h 1791"/>
                <a:gd name="T6" fmla="*/ 509 w 1281"/>
                <a:gd name="T7" fmla="*/ 1782 h 1791"/>
                <a:gd name="T8" fmla="*/ 373 w 1281"/>
                <a:gd name="T9" fmla="*/ 1770 h 1791"/>
                <a:gd name="T10" fmla="*/ 16 w 1281"/>
                <a:gd name="T11" fmla="*/ 1705 h 1791"/>
                <a:gd name="T12" fmla="*/ 0 w 1281"/>
                <a:gd name="T13" fmla="*/ 1686 h 1791"/>
                <a:gd name="T14" fmla="*/ 1 w 1281"/>
                <a:gd name="T15" fmla="*/ 984 h 1791"/>
                <a:gd name="T16" fmla="*/ 1 w 1281"/>
                <a:gd name="T17" fmla="*/ 967 h 1791"/>
                <a:gd name="T18" fmla="*/ 22 w 1281"/>
                <a:gd name="T19" fmla="*/ 967 h 1791"/>
                <a:gd name="T20" fmla="*/ 101 w 1281"/>
                <a:gd name="T21" fmla="*/ 938 h 1791"/>
                <a:gd name="T22" fmla="*/ 135 w 1281"/>
                <a:gd name="T23" fmla="*/ 903 h 1791"/>
                <a:gd name="T24" fmla="*/ 270 w 1281"/>
                <a:gd name="T25" fmla="*/ 668 h 1791"/>
                <a:gd name="T26" fmla="*/ 302 w 1281"/>
                <a:gd name="T27" fmla="*/ 592 h 1791"/>
                <a:gd name="T28" fmla="*/ 398 w 1281"/>
                <a:gd name="T29" fmla="*/ 465 h 1791"/>
                <a:gd name="T30" fmla="*/ 473 w 1281"/>
                <a:gd name="T31" fmla="*/ 393 h 1791"/>
                <a:gd name="T32" fmla="*/ 537 w 1281"/>
                <a:gd name="T33" fmla="*/ 236 h 1791"/>
                <a:gd name="T34" fmla="*/ 564 w 1281"/>
                <a:gd name="T35" fmla="*/ 30 h 1791"/>
                <a:gd name="T36" fmla="*/ 584 w 1281"/>
                <a:gd name="T37" fmla="*/ 4 h 1791"/>
                <a:gd name="T38" fmla="*/ 608 w 1281"/>
                <a:gd name="T39" fmla="*/ 0 h 1791"/>
                <a:gd name="T40" fmla="*/ 782 w 1281"/>
                <a:gd name="T41" fmla="*/ 117 h 1791"/>
                <a:gd name="T42" fmla="*/ 775 w 1281"/>
                <a:gd name="T43" fmla="*/ 412 h 1791"/>
                <a:gd name="T44" fmla="*/ 690 w 1281"/>
                <a:gd name="T45" fmla="*/ 599 h 1791"/>
                <a:gd name="T46" fmla="*/ 673 w 1281"/>
                <a:gd name="T47" fmla="*/ 681 h 1791"/>
                <a:gd name="T48" fmla="*/ 705 w 1281"/>
                <a:gd name="T49" fmla="*/ 714 h 1791"/>
                <a:gd name="T50" fmla="*/ 1112 w 1281"/>
                <a:gd name="T51" fmla="*/ 720 h 1791"/>
                <a:gd name="T52" fmla="*/ 1210 w 1281"/>
                <a:gd name="T53" fmla="*/ 768 h 1791"/>
                <a:gd name="T54" fmla="*/ 1281 w 1281"/>
                <a:gd name="T55" fmla="*/ 891 h 1791"/>
                <a:gd name="T56" fmla="*/ 1281 w 1281"/>
                <a:gd name="T57" fmla="*/ 918 h 1791"/>
                <a:gd name="T58" fmla="*/ 1242 w 1281"/>
                <a:gd name="T59" fmla="*/ 975 h 1791"/>
                <a:gd name="T60" fmla="*/ 1237 w 1281"/>
                <a:gd name="T61" fmla="*/ 1060 h 1791"/>
                <a:gd name="T62" fmla="*/ 1250 w 1281"/>
                <a:gd name="T63" fmla="*/ 1081 h 1791"/>
                <a:gd name="T64" fmla="*/ 1281 w 1281"/>
                <a:gd name="T65" fmla="*/ 1140 h 1791"/>
                <a:gd name="T66" fmla="*/ 1281 w 1281"/>
                <a:gd name="T67" fmla="*/ 1158 h 1791"/>
                <a:gd name="T68" fmla="*/ 1245 w 1281"/>
                <a:gd name="T69" fmla="*/ 1209 h 1791"/>
                <a:gd name="T70" fmla="*/ 1223 w 1281"/>
                <a:gd name="T71" fmla="*/ 1234 h 1791"/>
                <a:gd name="T72" fmla="*/ 1211 w 1281"/>
                <a:gd name="T73" fmla="*/ 1303 h 1791"/>
                <a:gd name="T74" fmla="*/ 1235 w 1281"/>
                <a:gd name="T75" fmla="*/ 1366 h 1791"/>
                <a:gd name="T76" fmla="*/ 1223 w 1281"/>
                <a:gd name="T77" fmla="*/ 1447 h 1791"/>
                <a:gd name="T78" fmla="*/ 1162 w 1281"/>
                <a:gd name="T79" fmla="*/ 1511 h 1791"/>
                <a:gd name="T80" fmla="*/ 1140 w 1281"/>
                <a:gd name="T81" fmla="*/ 1567 h 1791"/>
                <a:gd name="T82" fmla="*/ 1140 w 1281"/>
                <a:gd name="T83" fmla="*/ 1615 h 1791"/>
                <a:gd name="T84" fmla="*/ 1127 w 1281"/>
                <a:gd name="T85" fmla="*/ 1660 h 1791"/>
                <a:gd name="T86" fmla="*/ 916 w 1281"/>
                <a:gd name="T87" fmla="*/ 1785 h 1791"/>
                <a:gd name="T88" fmla="*/ 852 w 1281"/>
                <a:gd name="T89" fmla="*/ 1791 h 179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1281" h="1791">
                  <a:moveTo>
                    <a:pt x="852" y="1791"/>
                  </a:moveTo>
                  <a:cubicBezTo>
                    <a:pt x="792" y="1791"/>
                    <a:pt x="732" y="1791"/>
                    <a:pt x="672" y="1791"/>
                  </a:cubicBezTo>
                  <a:cubicBezTo>
                    <a:pt x="668" y="1791"/>
                    <a:pt x="664" y="1789"/>
                    <a:pt x="661" y="1789"/>
                  </a:cubicBezTo>
                  <a:cubicBezTo>
                    <a:pt x="610" y="1787"/>
                    <a:pt x="560" y="1785"/>
                    <a:pt x="509" y="1782"/>
                  </a:cubicBezTo>
                  <a:cubicBezTo>
                    <a:pt x="464" y="1779"/>
                    <a:pt x="418" y="1778"/>
                    <a:pt x="373" y="1770"/>
                  </a:cubicBezTo>
                  <a:cubicBezTo>
                    <a:pt x="254" y="1750"/>
                    <a:pt x="135" y="1726"/>
                    <a:pt x="16" y="1705"/>
                  </a:cubicBezTo>
                  <a:cubicBezTo>
                    <a:pt x="3" y="1703"/>
                    <a:pt x="0" y="1698"/>
                    <a:pt x="0" y="1686"/>
                  </a:cubicBezTo>
                  <a:cubicBezTo>
                    <a:pt x="1" y="1452"/>
                    <a:pt x="1" y="1218"/>
                    <a:pt x="1" y="984"/>
                  </a:cubicBezTo>
                  <a:cubicBezTo>
                    <a:pt x="1" y="979"/>
                    <a:pt x="1" y="973"/>
                    <a:pt x="1" y="967"/>
                  </a:cubicBezTo>
                  <a:cubicBezTo>
                    <a:pt x="9" y="967"/>
                    <a:pt x="16" y="966"/>
                    <a:pt x="22" y="967"/>
                  </a:cubicBezTo>
                  <a:cubicBezTo>
                    <a:pt x="53" y="970"/>
                    <a:pt x="79" y="958"/>
                    <a:pt x="101" y="938"/>
                  </a:cubicBezTo>
                  <a:cubicBezTo>
                    <a:pt x="113" y="927"/>
                    <a:pt x="125" y="916"/>
                    <a:pt x="135" y="903"/>
                  </a:cubicBezTo>
                  <a:cubicBezTo>
                    <a:pt x="193" y="833"/>
                    <a:pt x="233" y="751"/>
                    <a:pt x="270" y="668"/>
                  </a:cubicBezTo>
                  <a:cubicBezTo>
                    <a:pt x="281" y="643"/>
                    <a:pt x="293" y="618"/>
                    <a:pt x="302" y="592"/>
                  </a:cubicBezTo>
                  <a:cubicBezTo>
                    <a:pt x="320" y="539"/>
                    <a:pt x="355" y="500"/>
                    <a:pt x="398" y="465"/>
                  </a:cubicBezTo>
                  <a:cubicBezTo>
                    <a:pt x="425" y="443"/>
                    <a:pt x="452" y="420"/>
                    <a:pt x="473" y="393"/>
                  </a:cubicBezTo>
                  <a:cubicBezTo>
                    <a:pt x="510" y="348"/>
                    <a:pt x="527" y="292"/>
                    <a:pt x="537" y="236"/>
                  </a:cubicBezTo>
                  <a:cubicBezTo>
                    <a:pt x="548" y="168"/>
                    <a:pt x="556" y="99"/>
                    <a:pt x="564" y="30"/>
                  </a:cubicBezTo>
                  <a:cubicBezTo>
                    <a:pt x="566" y="16"/>
                    <a:pt x="572" y="8"/>
                    <a:pt x="584" y="4"/>
                  </a:cubicBezTo>
                  <a:cubicBezTo>
                    <a:pt x="592" y="2"/>
                    <a:pt x="600" y="0"/>
                    <a:pt x="608" y="0"/>
                  </a:cubicBezTo>
                  <a:cubicBezTo>
                    <a:pt x="689" y="5"/>
                    <a:pt x="750" y="43"/>
                    <a:pt x="782" y="117"/>
                  </a:cubicBezTo>
                  <a:cubicBezTo>
                    <a:pt x="824" y="215"/>
                    <a:pt x="817" y="315"/>
                    <a:pt x="775" y="412"/>
                  </a:cubicBezTo>
                  <a:cubicBezTo>
                    <a:pt x="749" y="475"/>
                    <a:pt x="717" y="536"/>
                    <a:pt x="690" y="599"/>
                  </a:cubicBezTo>
                  <a:cubicBezTo>
                    <a:pt x="679" y="624"/>
                    <a:pt x="675" y="653"/>
                    <a:pt x="673" y="681"/>
                  </a:cubicBezTo>
                  <a:cubicBezTo>
                    <a:pt x="670" y="710"/>
                    <a:pt x="677" y="714"/>
                    <a:pt x="705" y="714"/>
                  </a:cubicBezTo>
                  <a:cubicBezTo>
                    <a:pt x="841" y="710"/>
                    <a:pt x="976" y="707"/>
                    <a:pt x="1112" y="720"/>
                  </a:cubicBezTo>
                  <a:cubicBezTo>
                    <a:pt x="1151" y="724"/>
                    <a:pt x="1183" y="738"/>
                    <a:pt x="1210" y="768"/>
                  </a:cubicBezTo>
                  <a:cubicBezTo>
                    <a:pt x="1242" y="804"/>
                    <a:pt x="1266" y="845"/>
                    <a:pt x="1281" y="891"/>
                  </a:cubicBezTo>
                  <a:cubicBezTo>
                    <a:pt x="1281" y="900"/>
                    <a:pt x="1281" y="909"/>
                    <a:pt x="1281" y="918"/>
                  </a:cubicBezTo>
                  <a:cubicBezTo>
                    <a:pt x="1268" y="937"/>
                    <a:pt x="1257" y="957"/>
                    <a:pt x="1242" y="975"/>
                  </a:cubicBezTo>
                  <a:cubicBezTo>
                    <a:pt x="1218" y="1003"/>
                    <a:pt x="1218" y="1030"/>
                    <a:pt x="1237" y="1060"/>
                  </a:cubicBezTo>
                  <a:cubicBezTo>
                    <a:pt x="1242" y="1067"/>
                    <a:pt x="1246" y="1074"/>
                    <a:pt x="1250" y="1081"/>
                  </a:cubicBezTo>
                  <a:cubicBezTo>
                    <a:pt x="1260" y="1101"/>
                    <a:pt x="1271" y="1120"/>
                    <a:pt x="1281" y="1140"/>
                  </a:cubicBezTo>
                  <a:cubicBezTo>
                    <a:pt x="1281" y="1146"/>
                    <a:pt x="1281" y="1152"/>
                    <a:pt x="1281" y="1158"/>
                  </a:cubicBezTo>
                  <a:cubicBezTo>
                    <a:pt x="1269" y="1175"/>
                    <a:pt x="1257" y="1192"/>
                    <a:pt x="1245" y="1209"/>
                  </a:cubicBezTo>
                  <a:cubicBezTo>
                    <a:pt x="1238" y="1217"/>
                    <a:pt x="1231" y="1226"/>
                    <a:pt x="1223" y="1234"/>
                  </a:cubicBezTo>
                  <a:cubicBezTo>
                    <a:pt x="1204" y="1254"/>
                    <a:pt x="1201" y="1278"/>
                    <a:pt x="1211" y="1303"/>
                  </a:cubicBezTo>
                  <a:cubicBezTo>
                    <a:pt x="1219" y="1324"/>
                    <a:pt x="1227" y="1345"/>
                    <a:pt x="1235" y="1366"/>
                  </a:cubicBezTo>
                  <a:cubicBezTo>
                    <a:pt x="1248" y="1396"/>
                    <a:pt x="1245" y="1423"/>
                    <a:pt x="1223" y="1447"/>
                  </a:cubicBezTo>
                  <a:cubicBezTo>
                    <a:pt x="1203" y="1469"/>
                    <a:pt x="1183" y="1490"/>
                    <a:pt x="1162" y="1511"/>
                  </a:cubicBezTo>
                  <a:cubicBezTo>
                    <a:pt x="1147" y="1527"/>
                    <a:pt x="1138" y="1545"/>
                    <a:pt x="1140" y="1567"/>
                  </a:cubicBezTo>
                  <a:cubicBezTo>
                    <a:pt x="1141" y="1583"/>
                    <a:pt x="1142" y="1600"/>
                    <a:pt x="1140" y="1615"/>
                  </a:cubicBezTo>
                  <a:cubicBezTo>
                    <a:pt x="1138" y="1631"/>
                    <a:pt x="1135" y="1648"/>
                    <a:pt x="1127" y="1660"/>
                  </a:cubicBezTo>
                  <a:cubicBezTo>
                    <a:pt x="1075" y="1732"/>
                    <a:pt x="1009" y="1782"/>
                    <a:pt x="916" y="1785"/>
                  </a:cubicBezTo>
                  <a:cubicBezTo>
                    <a:pt x="895" y="1786"/>
                    <a:pt x="874" y="1789"/>
                    <a:pt x="852" y="179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>
                  <a:solidFill>
                    <a:srgbClr val="000000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endParaRPr lang="en-US" sz="1106"/>
            </a:p>
          </p:txBody>
        </p:sp>
        <p:sp>
          <p:nvSpPr>
            <p:cNvPr id="19" name="Freeform 7"/>
            <p:cNvSpPr>
              <a:spLocks/>
            </p:cNvSpPr>
            <p:nvPr/>
          </p:nvSpPr>
          <p:spPr bwMode="gray">
            <a:xfrm>
              <a:off x="2066925" y="6432358"/>
              <a:ext cx="106362" cy="242886"/>
            </a:xfrm>
            <a:custGeom>
              <a:avLst/>
              <a:gdLst>
                <a:gd name="T0" fmla="*/ 0 w 359"/>
                <a:gd name="T1" fmla="*/ 412 h 825"/>
                <a:gd name="T2" fmla="*/ 0 w 359"/>
                <a:gd name="T3" fmla="*/ 79 h 825"/>
                <a:gd name="T4" fmla="*/ 79 w 359"/>
                <a:gd name="T5" fmla="*/ 0 h 825"/>
                <a:gd name="T6" fmla="*/ 279 w 359"/>
                <a:gd name="T7" fmla="*/ 0 h 825"/>
                <a:gd name="T8" fmla="*/ 359 w 359"/>
                <a:gd name="T9" fmla="*/ 79 h 825"/>
                <a:gd name="T10" fmla="*/ 359 w 359"/>
                <a:gd name="T11" fmla="*/ 746 h 825"/>
                <a:gd name="T12" fmla="*/ 280 w 359"/>
                <a:gd name="T13" fmla="*/ 824 h 825"/>
                <a:gd name="T14" fmla="*/ 78 w 359"/>
                <a:gd name="T15" fmla="*/ 824 h 825"/>
                <a:gd name="T16" fmla="*/ 0 w 359"/>
                <a:gd name="T17" fmla="*/ 747 h 825"/>
                <a:gd name="T18" fmla="*/ 0 w 359"/>
                <a:gd name="T19" fmla="*/ 412 h 8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359" h="825">
                  <a:moveTo>
                    <a:pt x="0" y="412"/>
                  </a:moveTo>
                  <a:cubicBezTo>
                    <a:pt x="0" y="301"/>
                    <a:pt x="0" y="190"/>
                    <a:pt x="0" y="79"/>
                  </a:cubicBezTo>
                  <a:cubicBezTo>
                    <a:pt x="0" y="30"/>
                    <a:pt x="29" y="0"/>
                    <a:pt x="79" y="0"/>
                  </a:cubicBezTo>
                  <a:cubicBezTo>
                    <a:pt x="146" y="0"/>
                    <a:pt x="212" y="0"/>
                    <a:pt x="279" y="0"/>
                  </a:cubicBezTo>
                  <a:cubicBezTo>
                    <a:pt x="328" y="0"/>
                    <a:pt x="359" y="29"/>
                    <a:pt x="359" y="79"/>
                  </a:cubicBezTo>
                  <a:cubicBezTo>
                    <a:pt x="359" y="301"/>
                    <a:pt x="359" y="524"/>
                    <a:pt x="359" y="746"/>
                  </a:cubicBezTo>
                  <a:cubicBezTo>
                    <a:pt x="359" y="796"/>
                    <a:pt x="329" y="824"/>
                    <a:pt x="280" y="824"/>
                  </a:cubicBezTo>
                  <a:cubicBezTo>
                    <a:pt x="213" y="825"/>
                    <a:pt x="145" y="825"/>
                    <a:pt x="78" y="824"/>
                  </a:cubicBezTo>
                  <a:cubicBezTo>
                    <a:pt x="29" y="824"/>
                    <a:pt x="0" y="795"/>
                    <a:pt x="0" y="747"/>
                  </a:cubicBezTo>
                  <a:cubicBezTo>
                    <a:pt x="0" y="635"/>
                    <a:pt x="0" y="524"/>
                    <a:pt x="0" y="412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cap="flat">
                  <a:solidFill>
                    <a:srgbClr val="000000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endParaRPr lang="en-US" sz="1106"/>
            </a:p>
          </p:txBody>
        </p:sp>
      </p:grpSp>
      <p:sp>
        <p:nvSpPr>
          <p:cNvPr id="20" name="TextBox 19"/>
          <p:cNvSpPr txBox="1"/>
          <p:nvPr/>
        </p:nvSpPr>
        <p:spPr>
          <a:xfrm rot="2594219">
            <a:off x="8603857" y="360527"/>
            <a:ext cx="324148" cy="134400"/>
          </a:xfrm>
          <a:prstGeom prst="rect">
            <a:avLst/>
          </a:prstGeom>
          <a:noFill/>
        </p:spPr>
        <p:txBody>
          <a:bodyPr spcFirstLastPara="1" wrap="none" lIns="42122" rIns="42122" numCol="1" rtlCol="0" anchor="ctr">
            <a:prstTxWarp prst="textArchUp">
              <a:avLst/>
            </a:prstTxWarp>
            <a:spAutoFit/>
          </a:bodyPr>
          <a:lstStyle/>
          <a:p>
            <a:pPr algn="ctr"/>
            <a:r>
              <a:rPr lang="en-US" sz="369" b="1" dirty="0">
                <a:solidFill>
                  <a:schemeClr val="bg1"/>
                </a:solidFill>
              </a:rPr>
              <a:t>FORECAST</a:t>
            </a:r>
          </a:p>
        </p:txBody>
      </p:sp>
      <p:sp>
        <p:nvSpPr>
          <p:cNvPr id="21" name="TextBox 20"/>
          <p:cNvSpPr txBox="1"/>
          <p:nvPr/>
        </p:nvSpPr>
        <p:spPr>
          <a:xfrm rot="18928219">
            <a:off x="8423519" y="352599"/>
            <a:ext cx="277346" cy="186469"/>
          </a:xfrm>
          <a:prstGeom prst="rect">
            <a:avLst/>
          </a:prstGeom>
          <a:noFill/>
        </p:spPr>
        <p:txBody>
          <a:bodyPr spcFirstLastPara="1" wrap="none" lIns="42122" rIns="42122" numCol="1" rtlCol="0" anchor="ctr">
            <a:prstTxWarp prst="textArchUp">
              <a:avLst/>
            </a:prstTxWarp>
            <a:spAutoFit/>
          </a:bodyPr>
          <a:lstStyle/>
          <a:p>
            <a:pPr algn="ctr"/>
            <a:r>
              <a:rPr lang="en-US" sz="1106" b="1" dirty="0">
                <a:solidFill>
                  <a:schemeClr val="bg1"/>
                </a:solidFill>
              </a:rPr>
              <a:t>CAPABILITIES &amp; </a:t>
            </a:r>
            <a:br>
              <a:rPr lang="en-US" sz="1106" b="1" dirty="0">
                <a:solidFill>
                  <a:schemeClr val="bg1"/>
                </a:solidFill>
              </a:rPr>
            </a:br>
            <a:r>
              <a:rPr lang="en-US" sz="1106" b="1" dirty="0">
                <a:solidFill>
                  <a:schemeClr val="bg1"/>
                </a:solidFill>
              </a:rPr>
              <a:t>MOTIVATION</a:t>
            </a:r>
          </a:p>
        </p:txBody>
      </p:sp>
      <p:pic>
        <p:nvPicPr>
          <p:cNvPr id="25" name="Picture 24">
            <a:extLst>
              <a:ext uri="{FF2B5EF4-FFF2-40B4-BE49-F238E27FC236}">
                <a16:creationId xmlns:a16="http://schemas.microsoft.com/office/drawing/2014/main" id="{7D0C908C-77D6-41CC-9F83-A69B723B28C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332626" y="1665765"/>
            <a:ext cx="2507371" cy="206199"/>
          </a:xfrm>
          <a:prstGeom prst="rect">
            <a:avLst/>
          </a:prstGeom>
        </p:spPr>
      </p:pic>
      <p:sp>
        <p:nvSpPr>
          <p:cNvPr id="7" name="Title 6">
            <a:extLst>
              <a:ext uri="{FF2B5EF4-FFF2-40B4-BE49-F238E27FC236}">
                <a16:creationId xmlns:a16="http://schemas.microsoft.com/office/drawing/2014/main" id="{012752D1-5594-4673-8524-7EC554D46AD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7086" y="365125"/>
            <a:ext cx="8152514" cy="393954"/>
          </a:xfr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</a:pPr>
            <a:r>
              <a:rPr lang="en-US" sz="2800" dirty="0">
                <a:solidFill>
                  <a:srgbClr val="FF0000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Coaching the Frontline with THEIR Tool</a:t>
            </a: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AE9AF13-5697-452D-8DEB-555D38B93517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73614" y="1149852"/>
            <a:ext cx="8796771" cy="4786013"/>
          </a:xfrm>
          <a:prstGeom prst="rect">
            <a:avLst/>
          </a:prstGeom>
          <a:ln w="12700">
            <a:solidFill>
              <a:schemeClr val="tx1"/>
            </a:solidFill>
          </a:ln>
        </p:spPr>
      </p:pic>
    </p:spTree>
    <p:extLst>
      <p:ext uri="{BB962C8B-B14F-4D97-AF65-F5344CB8AC3E}">
        <p14:creationId xmlns:p14="http://schemas.microsoft.com/office/powerpoint/2010/main" val="154164484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2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-878582" y="343307"/>
            <a:ext cx="6645499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95250" y="902516"/>
            <a:ext cx="6858000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Before going into the market, you can use Qlik to help identify opportunities.</a:t>
            </a:r>
            <a:endParaRPr lang="en-US" dirty="0"/>
          </a:p>
          <a:p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133350" y="4634782"/>
            <a:ext cx="880593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After locking in the area of responsibility, utilize the Route Ranking page to quickly find both positives to share with the frontline and opportunities to grow the business.</a:t>
            </a:r>
            <a:endParaRPr lang="en-US" dirty="0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C4F0FEA9-2A39-403E-89EB-E006D7259A4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577879" y="1661746"/>
            <a:ext cx="5391951" cy="2821128"/>
          </a:xfrm>
          <a:prstGeom prst="rect">
            <a:avLst/>
          </a:prstGeom>
          <a:noFill/>
          <a:ln w="25400">
            <a:solidFill>
              <a:schemeClr val="tx1"/>
            </a:solidFill>
          </a:ln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170A286D-3748-4FE1-920C-6F7610003FDA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94275" y="2228850"/>
            <a:ext cx="3117802" cy="1755689"/>
          </a:xfrm>
          <a:prstGeom prst="rect">
            <a:avLst/>
          </a:prstGeom>
          <a:ln w="25400">
            <a:solidFill>
              <a:schemeClr val="tx1"/>
            </a:solidFill>
          </a:ln>
        </p:spPr>
      </p:pic>
    </p:spTree>
    <p:extLst>
      <p:ext uri="{BB962C8B-B14F-4D97-AF65-F5344CB8AC3E}">
        <p14:creationId xmlns:p14="http://schemas.microsoft.com/office/powerpoint/2010/main" val="200888121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3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3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60350" y="968761"/>
            <a:ext cx="1532835" cy="1599246"/>
          </a:xfrm>
          <a:prstGeom prst="rect">
            <a:avLst/>
          </a:prstGeom>
          <a:noFill/>
          <a:ln w="25400">
            <a:solidFill>
              <a:schemeClr val="tx1"/>
            </a:solidFill>
          </a:ln>
        </p:spPr>
      </p:pic>
      <p:sp>
        <p:nvSpPr>
          <p:cNvPr id="4" name="TextBox 3"/>
          <p:cNvSpPr txBox="1"/>
          <p:nvPr/>
        </p:nvSpPr>
        <p:spPr>
          <a:xfrm>
            <a:off x="-878582" y="343307"/>
            <a:ext cx="6645499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FF000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2027314" y="984911"/>
            <a:ext cx="6307061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While in the market, ION lets you recognize behaviors at the shelf. Adequate stock and shelf conditions can be identified with good ordering behavior.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5"/>
          <a:srcRect t="44565"/>
          <a:stretch/>
        </p:blipFill>
        <p:spPr>
          <a:xfrm>
            <a:off x="6168249" y="2568006"/>
            <a:ext cx="2245853" cy="2242119"/>
          </a:xfrm>
          <a:prstGeom prst="rect">
            <a:avLst/>
          </a:prstGeom>
          <a:ln w="25400">
            <a:solidFill>
              <a:schemeClr val="tx1"/>
            </a:solidFill>
          </a:ln>
        </p:spPr>
      </p:pic>
      <p:sp>
        <p:nvSpPr>
          <p:cNvPr id="11" name="TextBox 10"/>
          <p:cNvSpPr txBox="1"/>
          <p:nvPr/>
        </p:nvSpPr>
        <p:spPr>
          <a:xfrm>
            <a:off x="424939" y="3290290"/>
            <a:ext cx="5613911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ION can also be used to identify missed opportunities based on frontline behaviors.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31BA00AA-7744-4484-989A-C97C21D8BE4F}"/>
              </a:ext>
            </a:extLst>
          </p:cNvPr>
          <p:cNvSpPr txBox="1"/>
          <p:nvPr/>
        </p:nvSpPr>
        <p:spPr>
          <a:xfrm>
            <a:off x="0" y="5213461"/>
            <a:ext cx="914400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3200" dirty="0"/>
              <a:t>So, how do we recognize these behaviors?</a:t>
            </a:r>
          </a:p>
        </p:txBody>
      </p:sp>
    </p:spTree>
    <p:extLst>
      <p:ext uri="{BB962C8B-B14F-4D97-AF65-F5344CB8AC3E}">
        <p14:creationId xmlns:p14="http://schemas.microsoft.com/office/powerpoint/2010/main" val="293956708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261F47CE-9CAF-47B4-B739-6A9F4F667A2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5725" y="987411"/>
            <a:ext cx="6026795" cy="3484228"/>
          </a:xfrm>
          <a:prstGeom prst="rect">
            <a:avLst/>
          </a:prstGeom>
          <a:ln w="9525">
            <a:solidFill>
              <a:schemeClr val="tx1"/>
            </a:solidFill>
          </a:ln>
        </p:spPr>
      </p:pic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4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5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85725" y="344649"/>
            <a:ext cx="9620250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 - Order Management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6112521" y="863111"/>
            <a:ext cx="2788532" cy="47089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When in ION, you can find these behaviors while in a specific store and with a specific item. </a:t>
            </a:r>
          </a:p>
          <a:p>
            <a:endParaRPr lang="en-US" sz="1200" dirty="0"/>
          </a:p>
          <a:p>
            <a:r>
              <a:rPr lang="en-US" sz="2400" dirty="0"/>
              <a:t>The frontline should adjust orders accordingly after recognizing a high </a:t>
            </a:r>
          </a:p>
          <a:p>
            <a:r>
              <a:rPr lang="en-US" sz="2400" b="1" dirty="0"/>
              <a:t>Aged Freshness </a:t>
            </a:r>
            <a:r>
              <a:rPr lang="en-US" sz="2400" dirty="0"/>
              <a:t>number of 98% or more.</a:t>
            </a:r>
          </a:p>
        </p:txBody>
      </p:sp>
      <p:sp>
        <p:nvSpPr>
          <p:cNvPr id="2" name="Oval 1"/>
          <p:cNvSpPr/>
          <p:nvPr/>
        </p:nvSpPr>
        <p:spPr>
          <a:xfrm>
            <a:off x="5123047" y="2034732"/>
            <a:ext cx="554524" cy="687799"/>
          </a:xfrm>
          <a:prstGeom prst="ellipse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9" name="Oval 8"/>
          <p:cNvSpPr/>
          <p:nvPr/>
        </p:nvSpPr>
        <p:spPr>
          <a:xfrm>
            <a:off x="2937589" y="3899471"/>
            <a:ext cx="3111599" cy="503444"/>
          </a:xfrm>
          <a:prstGeom prst="ellipse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339C36EC-BB20-494A-BD85-B0461DDE17DB}"/>
              </a:ext>
            </a:extLst>
          </p:cNvPr>
          <p:cNvSpPr txBox="1"/>
          <p:nvPr/>
        </p:nvSpPr>
        <p:spPr>
          <a:xfrm>
            <a:off x="164609" y="4961502"/>
            <a:ext cx="5869026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dirty="0">
                <a:solidFill>
                  <a:srgbClr val="FF0000"/>
                </a:solidFill>
              </a:rPr>
              <a:t>**Notice the addition is small (from 81 to 90) and not excessive between the suggestion and actual order.</a:t>
            </a:r>
            <a:endParaRPr lang="en-US" sz="1600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4310338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8E5B9D04-0CBC-482C-B3F0-7D29AA1475B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22080" y="3141443"/>
            <a:ext cx="8898094" cy="2573047"/>
          </a:xfrm>
          <a:prstGeom prst="rect">
            <a:avLst/>
          </a:prstGeom>
          <a:ln w="12700">
            <a:solidFill>
              <a:schemeClr val="tx1"/>
            </a:solidFill>
          </a:ln>
        </p:spPr>
      </p:pic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5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5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22081" y="773791"/>
            <a:ext cx="8898093" cy="295465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Another behavior that can be coached is when the Frontline’s own plan is not followed.</a:t>
            </a:r>
          </a:p>
          <a:p>
            <a:endParaRPr lang="en-US" sz="1200" dirty="0"/>
          </a:p>
          <a:p>
            <a:r>
              <a:rPr lang="en-US" sz="2400" dirty="0"/>
              <a:t>Below, you can see the actual order and the delivered units have a large difference. This indicates the plan is not being followed and creates excess work ordering and distributing the plan.</a:t>
            </a:r>
          </a:p>
          <a:p>
            <a:endParaRPr lang="en-US" dirty="0"/>
          </a:p>
          <a:p>
            <a:endParaRPr lang="en-US" dirty="0"/>
          </a:p>
          <a:p>
            <a:endParaRPr lang="en-US" dirty="0"/>
          </a:p>
        </p:txBody>
      </p:sp>
      <p:sp>
        <p:nvSpPr>
          <p:cNvPr id="9" name="Right Arrow 8"/>
          <p:cNvSpPr/>
          <p:nvPr/>
        </p:nvSpPr>
        <p:spPr>
          <a:xfrm>
            <a:off x="1512346" y="4227870"/>
            <a:ext cx="978408" cy="484632"/>
          </a:xfrm>
          <a:prstGeom prst="rightArrow">
            <a:avLst/>
          </a:prstGeom>
          <a:solidFill>
            <a:srgbClr val="FF000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6" name="Rectangle 15"/>
          <p:cNvSpPr/>
          <p:nvPr/>
        </p:nvSpPr>
        <p:spPr>
          <a:xfrm>
            <a:off x="2653718" y="4186474"/>
            <a:ext cx="5913852" cy="525173"/>
          </a:xfrm>
          <a:prstGeom prst="rect">
            <a:avLst/>
          </a:prstGeom>
          <a:noFill/>
          <a:ln w="25400">
            <a:solidFill>
              <a:srgbClr val="FF5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85725" y="344649"/>
            <a:ext cx="9620250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-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ollowing The Plan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2113D221-0C0E-4B34-A93D-62F2E3936E8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28435" y="4869665"/>
            <a:ext cx="1209675" cy="8382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72763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6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4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6620083" y="526650"/>
            <a:ext cx="2260533" cy="47089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z="2400" dirty="0"/>
          </a:p>
          <a:p>
            <a:r>
              <a:rPr lang="en-US" sz="2400" dirty="0"/>
              <a:t>This is a great example of how the human and technical sides of ION work together.</a:t>
            </a:r>
          </a:p>
          <a:p>
            <a:endParaRPr lang="en-US" sz="1200" dirty="0"/>
          </a:p>
          <a:p>
            <a:r>
              <a:rPr lang="en-US" sz="2400" dirty="0"/>
              <a:t>When an IBP/RSP follows the plan, they </a:t>
            </a:r>
            <a:r>
              <a:rPr lang="en-US" sz="2400" b="1" u="sng" dirty="0"/>
              <a:t>will </a:t>
            </a:r>
            <a:r>
              <a:rPr lang="en-US" sz="2400" dirty="0"/>
              <a:t>see positive results.</a:t>
            </a:r>
            <a:endParaRPr lang="en-US" dirty="0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334215" y="4550340"/>
            <a:ext cx="2942102" cy="1604111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85725" y="344649"/>
            <a:ext cx="9620250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-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ollowing Your Plan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270AF12D-1DAF-4B6C-85CA-581B57C35A9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51564" y="797841"/>
            <a:ext cx="6372225" cy="3683929"/>
          </a:xfrm>
          <a:prstGeom prst="rect">
            <a:avLst/>
          </a:prstGeom>
          <a:ln w="9525">
            <a:solidFill>
              <a:schemeClr val="tx1"/>
            </a:solidFill>
          </a:ln>
        </p:spPr>
      </p:pic>
      <p:sp>
        <p:nvSpPr>
          <p:cNvPr id="17" name="Oval 16">
            <a:extLst>
              <a:ext uri="{FF2B5EF4-FFF2-40B4-BE49-F238E27FC236}">
                <a16:creationId xmlns:a16="http://schemas.microsoft.com/office/drawing/2014/main" id="{167A7FFF-82F6-49BD-AFBD-DC597D53A563}"/>
              </a:ext>
            </a:extLst>
          </p:cNvPr>
          <p:cNvSpPr/>
          <p:nvPr/>
        </p:nvSpPr>
        <p:spPr>
          <a:xfrm>
            <a:off x="5494664" y="2363845"/>
            <a:ext cx="554524" cy="687799"/>
          </a:xfrm>
          <a:prstGeom prst="ellipse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023694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A93CCA6A-97BB-443E-8DA6-2D89B9EB612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9690" y="2253905"/>
            <a:ext cx="9024620" cy="3120983"/>
          </a:xfrm>
          <a:prstGeom prst="rect">
            <a:avLst/>
          </a:prstGeom>
          <a:ln w="12700">
            <a:solidFill>
              <a:schemeClr val="tx1"/>
            </a:solidFill>
          </a:ln>
        </p:spPr>
      </p:pic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1C2936-932E-454D-899F-969A058D96DE}" type="slidenum">
              <a:rPr lang="en-US" smtClean="0"/>
              <a:t>7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5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16840" y="933200"/>
            <a:ext cx="8766899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The frontline does not increase orders when achieving 99% Aged  Freshness. ION </a:t>
            </a:r>
            <a:r>
              <a:rPr lang="en-US" sz="2400" b="1" i="1" u="sng" dirty="0">
                <a:solidFill>
                  <a:srgbClr val="FF0000"/>
                </a:solidFill>
              </a:rPr>
              <a:t>will not </a:t>
            </a:r>
            <a:r>
              <a:rPr lang="en-US" sz="2400" dirty="0"/>
              <a:t>increase orders at 100% Aged Freshness. This is a perfect example on how to coach the frontline when ordering.*</a:t>
            </a:r>
            <a:endParaRPr lang="en-US" dirty="0"/>
          </a:p>
        </p:txBody>
      </p:sp>
      <p:sp>
        <p:nvSpPr>
          <p:cNvPr id="15" name="TextBox 14"/>
          <p:cNvSpPr txBox="1"/>
          <p:nvPr/>
        </p:nvSpPr>
        <p:spPr>
          <a:xfrm>
            <a:off x="2080894" y="5799810"/>
            <a:ext cx="704096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*</a:t>
            </a:r>
            <a:r>
              <a:rPr lang="en-US" sz="1200" b="1" dirty="0"/>
              <a:t>Running 100% Aged Freshness does not mean the store is out of product, but it could be an opportunity.</a:t>
            </a:r>
          </a:p>
        </p:txBody>
      </p:sp>
      <p:sp>
        <p:nvSpPr>
          <p:cNvPr id="16" name="Rectangle 15"/>
          <p:cNvSpPr/>
          <p:nvPr/>
        </p:nvSpPr>
        <p:spPr>
          <a:xfrm>
            <a:off x="2472742" y="3238491"/>
            <a:ext cx="6220497" cy="558708"/>
          </a:xfrm>
          <a:prstGeom prst="rect">
            <a:avLst/>
          </a:prstGeom>
          <a:noFill/>
          <a:ln w="25400">
            <a:solidFill>
              <a:srgbClr val="FF5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85725" y="344649"/>
            <a:ext cx="9620250" cy="3939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-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8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Growth Opportunity</a:t>
            </a:r>
          </a:p>
        </p:txBody>
      </p:sp>
      <p:sp>
        <p:nvSpPr>
          <p:cNvPr id="9" name="Right Arrow 8"/>
          <p:cNvSpPr/>
          <p:nvPr/>
        </p:nvSpPr>
        <p:spPr>
          <a:xfrm>
            <a:off x="1193179" y="3345037"/>
            <a:ext cx="1183502" cy="345616"/>
          </a:xfrm>
          <a:prstGeom prst="rightArrow">
            <a:avLst/>
          </a:prstGeom>
          <a:solidFill>
            <a:srgbClr val="FF000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20D1BC9-654B-44BD-A408-5214BF40CC3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60049" y="4555596"/>
            <a:ext cx="1033130" cy="7379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7280211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id="{26E89B6A-5298-49CF-8262-26BC3E226D80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645643" y="3118866"/>
            <a:ext cx="5319937" cy="2431334"/>
          </a:xfrm>
          <a:prstGeom prst="rect">
            <a:avLst/>
          </a:prstGeom>
        </p:spPr>
      </p:pic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6457950" y="6345705"/>
            <a:ext cx="2057400" cy="365125"/>
          </a:xfrm>
        </p:spPr>
        <p:txBody>
          <a:bodyPr/>
          <a:lstStyle/>
          <a:p>
            <a:fld id="{FC1C2936-932E-454D-899F-969A058D96DE}" type="slidenum">
              <a:rPr lang="en-US" smtClean="0"/>
              <a:t>8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5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74625" y="738754"/>
            <a:ext cx="8683625" cy="249299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The final example of a behavior that can be coached is when the frontline is not delivering during scheduled days of service.</a:t>
            </a:r>
          </a:p>
          <a:p>
            <a:endParaRPr lang="en-US" sz="1200" dirty="0"/>
          </a:p>
          <a:p>
            <a:r>
              <a:rPr lang="en-US" sz="2400" dirty="0"/>
              <a:t>Below was a suggested order of 6 and 17 on Tuesday and Friday and the frontline ordered 0. This also indicates the consumer demand is not being followed and creates excess work ordering and distributing the plan. </a:t>
            </a:r>
          </a:p>
        </p:txBody>
      </p:sp>
      <p:sp>
        <p:nvSpPr>
          <p:cNvPr id="13" name="Rectangle 12"/>
          <p:cNvSpPr/>
          <p:nvPr/>
        </p:nvSpPr>
        <p:spPr>
          <a:xfrm>
            <a:off x="6852686" y="5129597"/>
            <a:ext cx="386367" cy="362149"/>
          </a:xfrm>
          <a:prstGeom prst="rect">
            <a:avLst/>
          </a:prstGeom>
          <a:noFill/>
          <a:ln w="254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tangle 16"/>
          <p:cNvSpPr/>
          <p:nvPr/>
        </p:nvSpPr>
        <p:spPr>
          <a:xfrm>
            <a:off x="6852684" y="4661209"/>
            <a:ext cx="386367" cy="391695"/>
          </a:xfrm>
          <a:prstGeom prst="rect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TextBox 13"/>
          <p:cNvSpPr txBox="1"/>
          <p:nvPr/>
        </p:nvSpPr>
        <p:spPr>
          <a:xfrm>
            <a:off x="85725" y="344649"/>
            <a:ext cx="9620250" cy="3508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0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-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nsumer Demand Delivery</a:t>
            </a:r>
          </a:p>
        </p:txBody>
      </p:sp>
      <p:sp>
        <p:nvSpPr>
          <p:cNvPr id="15" name="Right Arrow 14"/>
          <p:cNvSpPr/>
          <p:nvPr/>
        </p:nvSpPr>
        <p:spPr>
          <a:xfrm rot="14716470">
            <a:off x="5021894" y="5739870"/>
            <a:ext cx="659097" cy="198500"/>
          </a:xfrm>
          <a:prstGeom prst="rightArrow">
            <a:avLst/>
          </a:prstGeom>
          <a:solidFill>
            <a:srgbClr val="FF000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872530B9-10C5-4D52-99F9-BE70563BFA4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916100" y="4185744"/>
            <a:ext cx="1738781" cy="1301301"/>
          </a:xfrm>
          <a:prstGeom prst="rect">
            <a:avLst/>
          </a:prstGeom>
        </p:spPr>
      </p:pic>
      <p:sp>
        <p:nvSpPr>
          <p:cNvPr id="16" name="Rectangle 15">
            <a:extLst>
              <a:ext uri="{FF2B5EF4-FFF2-40B4-BE49-F238E27FC236}">
                <a16:creationId xmlns:a16="http://schemas.microsoft.com/office/drawing/2014/main" id="{F60DC91D-4AF6-478D-A17E-AD4D88BBCB75}"/>
              </a:ext>
            </a:extLst>
          </p:cNvPr>
          <p:cNvSpPr/>
          <p:nvPr/>
        </p:nvSpPr>
        <p:spPr>
          <a:xfrm>
            <a:off x="6850877" y="4227769"/>
            <a:ext cx="386367" cy="362149"/>
          </a:xfrm>
          <a:prstGeom prst="rect">
            <a:avLst/>
          </a:prstGeom>
          <a:noFill/>
          <a:ln w="25400">
            <a:solidFill>
              <a:srgbClr val="FFC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B239C5D7-767C-463A-9221-F00203850340}"/>
              </a:ext>
            </a:extLst>
          </p:cNvPr>
          <p:cNvSpPr/>
          <p:nvPr/>
        </p:nvSpPr>
        <p:spPr>
          <a:xfrm>
            <a:off x="4998059" y="5126526"/>
            <a:ext cx="386367" cy="362149"/>
          </a:xfrm>
          <a:prstGeom prst="rect">
            <a:avLst/>
          </a:prstGeom>
          <a:noFill/>
          <a:ln w="254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13930682-6CB8-4C61-8F87-FA64B2981B18}"/>
              </a:ext>
            </a:extLst>
          </p:cNvPr>
          <p:cNvSpPr/>
          <p:nvPr/>
        </p:nvSpPr>
        <p:spPr>
          <a:xfrm>
            <a:off x="4998057" y="4658138"/>
            <a:ext cx="386367" cy="391695"/>
          </a:xfrm>
          <a:prstGeom prst="rect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EDB1CB4B-F57C-432A-8F73-DAD8B4443598}"/>
              </a:ext>
            </a:extLst>
          </p:cNvPr>
          <p:cNvSpPr/>
          <p:nvPr/>
        </p:nvSpPr>
        <p:spPr>
          <a:xfrm>
            <a:off x="4996250" y="4224698"/>
            <a:ext cx="386367" cy="362149"/>
          </a:xfrm>
          <a:prstGeom prst="rect">
            <a:avLst/>
          </a:prstGeom>
          <a:noFill/>
          <a:ln w="25400">
            <a:solidFill>
              <a:srgbClr val="FFC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5" name="Right Arrow 14">
            <a:extLst>
              <a:ext uri="{FF2B5EF4-FFF2-40B4-BE49-F238E27FC236}">
                <a16:creationId xmlns:a16="http://schemas.microsoft.com/office/drawing/2014/main" id="{48BD31BA-2547-483D-BFF9-EADA719F9B72}"/>
              </a:ext>
            </a:extLst>
          </p:cNvPr>
          <p:cNvSpPr/>
          <p:nvPr/>
        </p:nvSpPr>
        <p:spPr>
          <a:xfrm rot="14716470">
            <a:off x="6845454" y="5728644"/>
            <a:ext cx="659097" cy="198500"/>
          </a:xfrm>
          <a:prstGeom prst="rightArrow">
            <a:avLst/>
          </a:prstGeom>
          <a:solidFill>
            <a:srgbClr val="FF000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DCE58614-A3C9-45DC-98E4-049C576FC5C2}"/>
              </a:ext>
            </a:extLst>
          </p:cNvPr>
          <p:cNvCxnSpPr/>
          <p:nvPr/>
        </p:nvCxnSpPr>
        <p:spPr>
          <a:xfrm>
            <a:off x="1916100" y="4185744"/>
            <a:ext cx="1729543" cy="0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Straight Connector 25">
            <a:extLst>
              <a:ext uri="{FF2B5EF4-FFF2-40B4-BE49-F238E27FC236}">
                <a16:creationId xmlns:a16="http://schemas.microsoft.com/office/drawing/2014/main" id="{6DE0EB57-15DE-4FF0-8827-BA57CC71E1E7}"/>
              </a:ext>
            </a:extLst>
          </p:cNvPr>
          <p:cNvCxnSpPr>
            <a:cxnSpLocks/>
          </p:cNvCxnSpPr>
          <p:nvPr/>
        </p:nvCxnSpPr>
        <p:spPr>
          <a:xfrm flipV="1">
            <a:off x="1916100" y="4174912"/>
            <a:ext cx="0" cy="1375288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Connector 28">
            <a:extLst>
              <a:ext uri="{FF2B5EF4-FFF2-40B4-BE49-F238E27FC236}">
                <a16:creationId xmlns:a16="http://schemas.microsoft.com/office/drawing/2014/main" id="{C97030EE-2DFD-40C9-9CF0-F48CB6AD8F40}"/>
              </a:ext>
            </a:extLst>
          </p:cNvPr>
          <p:cNvCxnSpPr>
            <a:cxnSpLocks/>
          </p:cNvCxnSpPr>
          <p:nvPr/>
        </p:nvCxnSpPr>
        <p:spPr>
          <a:xfrm flipV="1">
            <a:off x="3654881" y="3185459"/>
            <a:ext cx="0" cy="1000285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E9E1CC6A-12B9-4F86-AA50-9B765DC786ED}"/>
              </a:ext>
            </a:extLst>
          </p:cNvPr>
          <p:cNvCxnSpPr>
            <a:cxnSpLocks/>
          </p:cNvCxnSpPr>
          <p:nvPr/>
        </p:nvCxnSpPr>
        <p:spPr>
          <a:xfrm flipH="1">
            <a:off x="3654881" y="3175989"/>
            <a:ext cx="5020768" cy="9470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Straight Connector 33">
            <a:extLst>
              <a:ext uri="{FF2B5EF4-FFF2-40B4-BE49-F238E27FC236}">
                <a16:creationId xmlns:a16="http://schemas.microsoft.com/office/drawing/2014/main" id="{E9E08829-9CE5-4889-A714-2E69F75B482F}"/>
              </a:ext>
            </a:extLst>
          </p:cNvPr>
          <p:cNvCxnSpPr>
            <a:cxnSpLocks/>
          </p:cNvCxnSpPr>
          <p:nvPr/>
        </p:nvCxnSpPr>
        <p:spPr>
          <a:xfrm flipH="1">
            <a:off x="1916100" y="5545466"/>
            <a:ext cx="6759550" cy="19902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Straight Connector 39">
            <a:extLst>
              <a:ext uri="{FF2B5EF4-FFF2-40B4-BE49-F238E27FC236}">
                <a16:creationId xmlns:a16="http://schemas.microsoft.com/office/drawing/2014/main" id="{88D17563-1697-4758-B207-0BB401B06FAF}"/>
              </a:ext>
            </a:extLst>
          </p:cNvPr>
          <p:cNvCxnSpPr>
            <a:cxnSpLocks/>
          </p:cNvCxnSpPr>
          <p:nvPr/>
        </p:nvCxnSpPr>
        <p:spPr>
          <a:xfrm flipV="1">
            <a:off x="8658224" y="3175990"/>
            <a:ext cx="17426" cy="2369476"/>
          </a:xfrm>
          <a:prstGeom prst="line">
            <a:avLst/>
          </a:prstGeom>
          <a:ln w="127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742016406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6457950" y="6345705"/>
            <a:ext cx="2057400" cy="365125"/>
          </a:xfrm>
        </p:spPr>
        <p:txBody>
          <a:bodyPr/>
          <a:lstStyle/>
          <a:p>
            <a:fld id="{FC1C2936-932E-454D-899F-969A058D96DE}" type="slidenum">
              <a:rPr lang="en-US" smtClean="0"/>
              <a:t>9</a:t>
            </a:fld>
            <a:endParaRPr lang="en-US" dirty="0"/>
          </a:p>
        </p:txBody>
      </p:sp>
      <p:sp>
        <p:nvSpPr>
          <p:cNvPr id="6" name="Title 1"/>
          <p:cNvSpPr txBox="1">
            <a:spLocks/>
          </p:cNvSpPr>
          <p:nvPr/>
        </p:nvSpPr>
        <p:spPr>
          <a:xfrm>
            <a:off x="685800" y="2047730"/>
            <a:ext cx="7772400" cy="1193483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accent1">
                    <a:lumMod val="75000"/>
                  </a:schemeClr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endParaRPr lang="en-US" sz="32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203200" y="6065520"/>
            <a:ext cx="1056640" cy="65595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12" name="Picture 11"/>
          <p:cNvPicPr>
            <a:picLocks noChangeAspect="1"/>
          </p:cNvPicPr>
          <p:nvPr>
            <p:custDataLst>
              <p:tags r:id="rId1"/>
            </p:custDataLst>
          </p:nvPr>
        </p:nvPicPr>
        <p:blipFill rotWithShape="1">
          <a:blip r:embed="rId4"/>
          <a:srcRect l="15253" r="12106"/>
          <a:stretch/>
        </p:blipFill>
        <p:spPr>
          <a:xfrm>
            <a:off x="203200" y="5981141"/>
            <a:ext cx="1204371" cy="75041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74625" y="738754"/>
            <a:ext cx="8683625" cy="23083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/>
              <a:t>There are also insights on the front page that can help identify opportunities in delivering the frontline’s plan.</a:t>
            </a:r>
          </a:p>
          <a:p>
            <a:r>
              <a:rPr lang="en-US" sz="2400" dirty="0"/>
              <a:t>Below you can see where Crest has been delivered to all 20 of the scheduled deliveries in the last 4 weeks.</a:t>
            </a:r>
          </a:p>
          <a:p>
            <a:r>
              <a:rPr lang="en-US" sz="2400" dirty="0"/>
              <a:t>You can also see where Walmart has more deliveries than were scheduled and ordered for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85725" y="344649"/>
            <a:ext cx="9620250" cy="3508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ct val="0"/>
              </a:spcBef>
            </a:pPr>
            <a:r>
              <a:rPr lang="en-US" sz="2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cognizing Behaviors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0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-</a:t>
            </a:r>
            <a:r>
              <a:rPr lang="en-US" sz="1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en-US" sz="2400" b="1" dirty="0">
                <a:solidFill>
                  <a:srgbClr val="2B509D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nsumer Demand Delivery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214102E-9EFC-46B2-B86C-A71EFD9EC31E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33375" y="3350501"/>
            <a:ext cx="8477250" cy="2181225"/>
          </a:xfrm>
          <a:prstGeom prst="rect">
            <a:avLst/>
          </a:prstGeom>
          <a:ln w="12700">
            <a:solidFill>
              <a:schemeClr val="tx1"/>
            </a:solidFill>
          </a:ln>
        </p:spPr>
      </p:pic>
      <p:sp>
        <p:nvSpPr>
          <p:cNvPr id="24" name="Rectangle 23">
            <a:extLst>
              <a:ext uri="{FF2B5EF4-FFF2-40B4-BE49-F238E27FC236}">
                <a16:creationId xmlns:a16="http://schemas.microsoft.com/office/drawing/2014/main" id="{AF54DA45-3BD3-440E-BCB9-5DC76638070F}"/>
              </a:ext>
            </a:extLst>
          </p:cNvPr>
          <p:cNvSpPr/>
          <p:nvPr/>
        </p:nvSpPr>
        <p:spPr>
          <a:xfrm>
            <a:off x="3666260" y="5108721"/>
            <a:ext cx="716169" cy="360800"/>
          </a:xfrm>
          <a:prstGeom prst="rect">
            <a:avLst/>
          </a:prstGeom>
          <a:noFill/>
          <a:ln w="254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79AD37A8-3449-47F8-91D7-68C170123189}"/>
              </a:ext>
            </a:extLst>
          </p:cNvPr>
          <p:cNvSpPr/>
          <p:nvPr/>
        </p:nvSpPr>
        <p:spPr>
          <a:xfrm>
            <a:off x="3666258" y="4703332"/>
            <a:ext cx="716171" cy="360800"/>
          </a:xfrm>
          <a:prstGeom prst="rect">
            <a:avLst/>
          </a:prstGeom>
          <a:noFill/>
          <a:ln w="25400">
            <a:solidFill>
              <a:srgbClr val="00B0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7" name="Right Arrow 14">
            <a:extLst>
              <a:ext uri="{FF2B5EF4-FFF2-40B4-BE49-F238E27FC236}">
                <a16:creationId xmlns:a16="http://schemas.microsoft.com/office/drawing/2014/main" id="{461B6C83-F37C-44EF-A9B1-E746B78AB028}"/>
              </a:ext>
            </a:extLst>
          </p:cNvPr>
          <p:cNvSpPr/>
          <p:nvPr/>
        </p:nvSpPr>
        <p:spPr>
          <a:xfrm rot="20414534">
            <a:off x="2154892" y="5447434"/>
            <a:ext cx="1514998" cy="242347"/>
          </a:xfrm>
          <a:prstGeom prst="rightArrow">
            <a:avLst/>
          </a:prstGeom>
          <a:solidFill>
            <a:srgbClr val="FF000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8" name="Right Arrow 14">
            <a:extLst>
              <a:ext uri="{FF2B5EF4-FFF2-40B4-BE49-F238E27FC236}">
                <a16:creationId xmlns:a16="http://schemas.microsoft.com/office/drawing/2014/main" id="{0BC58269-79D8-4D4F-8E95-063E4CA01239}"/>
              </a:ext>
            </a:extLst>
          </p:cNvPr>
          <p:cNvSpPr/>
          <p:nvPr/>
        </p:nvSpPr>
        <p:spPr>
          <a:xfrm rot="785469">
            <a:off x="2117197" y="4609538"/>
            <a:ext cx="1514998" cy="242347"/>
          </a:xfrm>
          <a:prstGeom prst="rightArrow">
            <a:avLst/>
          </a:prstGeom>
          <a:solidFill>
            <a:srgbClr val="00B050"/>
          </a:solidFill>
          <a:ln w="25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054498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137814180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767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3488"/>
</p:tagLst>
</file>

<file path=ppt/theme/theme1.xml><?xml version="1.0" encoding="utf-8"?>
<a:theme xmlns:a="http://schemas.openxmlformats.org/drawingml/2006/main" name="Content Slid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Yu Gothic Light"/>
        <a:font script="Hang" typeface="맑은 고딕"/>
        <a:font script="Hans" typeface="DengXian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Yu Gothic"/>
        <a:font script="Hang" typeface="맑은 고딕"/>
        <a:font script="Hans" typeface="DengXian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ION_Roadshow_slideshow_SG.potx" id="{1D727939-E75C-4370-85BC-1EECC0CD89A6}" vid="{3B3DCE80-7836-4E86-8885-F0F9B2403A69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2C68694AF628E443BE98EF72AB776B91" ma:contentTypeVersion="11" ma:contentTypeDescription="Create a new document." ma:contentTypeScope="" ma:versionID="4fd92d18e4f46180e7d003eb3c9cbd96">
  <xsd:schema xmlns:xsd="http://www.w3.org/2001/XMLSchema" xmlns:xs="http://www.w3.org/2001/XMLSchema" xmlns:p="http://schemas.microsoft.com/office/2006/metadata/properties" xmlns:ns2="f75d5544-2076-423b-b41f-2feb5730a766" xmlns:ns3="d34dc602-c22d-47ed-a231-6072e17c18ea" targetNamespace="http://schemas.microsoft.com/office/2006/metadata/properties" ma:root="true" ma:fieldsID="504cb8b9bac733c1b54acf64c94bff34" ns2:_="" ns3:_="">
    <xsd:import namespace="f75d5544-2076-423b-b41f-2feb5730a766"/>
    <xsd:import namespace="d34dc602-c22d-47ed-a231-6072e17c18ea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LengthInSeconds" minOccurs="0"/>
                <xsd:element ref="ns3:SharedWithUsers" minOccurs="0"/>
                <xsd:element ref="ns3:SharedWithDetails" minOccurs="0"/>
                <xsd:element ref="ns2:MediaServiceDateTaken" minOccurs="0"/>
                <xsd:element ref="ns2:MediaServiceAutoTags" minOccurs="0"/>
                <xsd:element ref="ns2:MediaServiceLocation" minOccurs="0"/>
                <xsd:element ref="ns2:MediaServiceGenerationTime" minOccurs="0"/>
                <xsd:element ref="ns2:MediaServiceEventHashCode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f75d5544-2076-423b-b41f-2feb5730a766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LengthInSeconds" ma:index="10" nillable="true" ma:displayName="MediaLengthInSeconds" ma:hidden="true" ma:internalName="MediaLengthInSeconds" ma:readOnly="true">
      <xsd:simpleType>
        <xsd:restriction base="dms:Unknown"/>
      </xsd:simpleType>
    </xsd:element>
    <xsd:element name="MediaServiceDateTaken" ma:index="13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4" nillable="true" ma:displayName="Tags" ma:internalName="MediaServiceAutoTags" ma:readOnly="true">
      <xsd:simpleType>
        <xsd:restriction base="dms:Text"/>
      </xsd:simpleType>
    </xsd:element>
    <xsd:element name="MediaServiceLocation" ma:index="15" nillable="true" ma:displayName="Location" ma:internalName="MediaServiceLocation" ma:readOnly="true">
      <xsd:simpleType>
        <xsd:restriction base="dms:Text"/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CR" ma:index="18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34dc602-c22d-47ed-a231-6072e17c18ea" elementFormDefault="qualified">
    <xsd:import namespace="http://schemas.microsoft.com/office/2006/documentManagement/types"/>
    <xsd:import namespace="http://schemas.microsoft.com/office/infopath/2007/PartnerControls"/>
    <xsd:element name="SharedWithUsers" ma:index="11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2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SharedWithUsers xmlns="d34dc602-c22d-47ed-a231-6072e17c18ea">
      <UserInfo>
        <DisplayName/>
        <AccountId xsi:nil="true"/>
        <AccountType/>
      </UserInfo>
    </SharedWithUsers>
  </documentManagement>
</p:properties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07E3158E-3E1A-4AF0-A396-36C7CC8C86C7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f75d5544-2076-423b-b41f-2feb5730a766"/>
    <ds:schemaRef ds:uri="d34dc602-c22d-47ed-a231-6072e17c18ea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4D18803E-435A-4E49-BB1C-34BE867EF755}">
  <ds:schemaRefs>
    <ds:schemaRef ds:uri="http://purl.org/dc/terms/"/>
    <ds:schemaRef ds:uri="d34dc602-c22d-47ed-a231-6072e17c18ea"/>
    <ds:schemaRef ds:uri="http://purl.org/dc/elements/1.1/"/>
    <ds:schemaRef ds:uri="http://www.w3.org/XML/1998/namespace"/>
    <ds:schemaRef ds:uri="http://schemas.microsoft.com/office/2006/metadata/properties"/>
    <ds:schemaRef ds:uri="http://schemas.microsoft.com/office/infopath/2007/PartnerControls"/>
    <ds:schemaRef ds:uri="http://schemas.microsoft.com/office/2006/documentManagement/types"/>
    <ds:schemaRef ds:uri="http://schemas.openxmlformats.org/package/2006/metadata/core-properties"/>
    <ds:schemaRef ds:uri="f75d5544-2076-423b-b41f-2feb5730a766"/>
    <ds:schemaRef ds:uri="http://purl.org/dc/dcmitype/"/>
  </ds:schemaRefs>
</ds:datastoreItem>
</file>

<file path=customXml/itemProps3.xml><?xml version="1.0" encoding="utf-8"?>
<ds:datastoreItem xmlns:ds="http://schemas.openxmlformats.org/officeDocument/2006/customXml" ds:itemID="{0737F972-E92A-41D5-BBD5-7D424E1B0715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ION_Roadshow_slideshow_SG</Template>
  <TotalTime>15889</TotalTime>
  <Words>865</Words>
  <Application>Microsoft Office PowerPoint</Application>
  <PresentationFormat>On-screen Show (4:3)</PresentationFormat>
  <Paragraphs>105</Paragraphs>
  <Slides>13</Slides>
  <Notes>8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0" baseType="lpstr">
      <vt:lpstr>Arial</vt:lpstr>
      <vt:lpstr>Calibri</vt:lpstr>
      <vt:lpstr>Calibri Light</vt:lpstr>
      <vt:lpstr>Comic Sans MS</vt:lpstr>
      <vt:lpstr>Verdana</vt:lpstr>
      <vt:lpstr>Wingdings</vt:lpstr>
      <vt:lpstr>Content Slid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Useful talking points for frontline conversations: ION is going to be very beneficial</vt:lpstr>
      <vt:lpstr>Coaching the Frontline with THEIR Tool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tephanie Goodman;rebecca.crocker@grupobimbo.com</dc:creator>
  <cp:lastModifiedBy>JoAnna Hudgins</cp:lastModifiedBy>
  <cp:revision>232</cp:revision>
  <dcterms:created xsi:type="dcterms:W3CDTF">2018-09-04T19:59:22Z</dcterms:created>
  <dcterms:modified xsi:type="dcterms:W3CDTF">2021-10-29T12:58:5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2C68694AF628E443BE98EF72AB776B91</vt:lpwstr>
  </property>
  <property fmtid="{D5CDD505-2E9C-101B-9397-08002B2CF9AE}" pid="3" name="Order">
    <vt:r8>295800</vt:r8>
  </property>
  <property fmtid="{D5CDD505-2E9C-101B-9397-08002B2CF9AE}" pid="4" name="xd_Signature">
    <vt:bool>false</vt:bool>
  </property>
  <property fmtid="{D5CDD505-2E9C-101B-9397-08002B2CF9AE}" pid="5" name="xd_ProgID">
    <vt:lpwstr/>
  </property>
  <property fmtid="{D5CDD505-2E9C-101B-9397-08002B2CF9AE}" pid="6" name="ComplianceAssetId">
    <vt:lpwstr/>
  </property>
  <property fmtid="{D5CDD505-2E9C-101B-9397-08002B2CF9AE}" pid="7" name="TemplateUrl">
    <vt:lpwstr/>
  </property>
  <property fmtid="{D5CDD505-2E9C-101B-9397-08002B2CF9AE}" pid="8" name="MSIP_Label_5b12f818-7d26-4eab-9c63-bdc5e02b0fb1_Enabled">
    <vt:lpwstr>true</vt:lpwstr>
  </property>
  <property fmtid="{D5CDD505-2E9C-101B-9397-08002B2CF9AE}" pid="9" name="MSIP_Label_5b12f818-7d26-4eab-9c63-bdc5e02b0fb1_SetDate">
    <vt:lpwstr>2021-09-23T16:42:07Z</vt:lpwstr>
  </property>
  <property fmtid="{D5CDD505-2E9C-101B-9397-08002B2CF9AE}" pid="10" name="MSIP_Label_5b12f818-7d26-4eab-9c63-bdc5e02b0fb1_Method">
    <vt:lpwstr>Standard</vt:lpwstr>
  </property>
  <property fmtid="{D5CDD505-2E9C-101B-9397-08002B2CF9AE}" pid="11" name="MSIP_Label_5b12f818-7d26-4eab-9c63-bdc5e02b0fb1_Name">
    <vt:lpwstr>5b12f818-7d26-4eab-9c63-bdc5e02b0fb1</vt:lpwstr>
  </property>
  <property fmtid="{D5CDD505-2E9C-101B-9397-08002B2CF9AE}" pid="12" name="MSIP_Label_5b12f818-7d26-4eab-9c63-bdc5e02b0fb1_SiteId">
    <vt:lpwstr>973ba820-4a58-4246-84bf-170e50b3152a</vt:lpwstr>
  </property>
  <property fmtid="{D5CDD505-2E9C-101B-9397-08002B2CF9AE}" pid="13" name="MSIP_Label_5b12f818-7d26-4eab-9c63-bdc5e02b0fb1_ActionId">
    <vt:lpwstr>a355b6b3-0430-4c50-bddb-1f5682617fd9</vt:lpwstr>
  </property>
  <property fmtid="{D5CDD505-2E9C-101B-9397-08002B2CF9AE}" pid="14" name="MSIP_Label_5b12f818-7d26-4eab-9c63-bdc5e02b0fb1_ContentBits">
    <vt:lpwstr>0</vt:lpwstr>
  </property>
  <property fmtid="{D5CDD505-2E9C-101B-9397-08002B2CF9AE}" pid="15" name="SharedWithUsers">
    <vt:lpwstr/>
  </property>
</Properties>
</file>